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 bookmarkIdSeed="6">
  <p:sldMasterIdLst>
    <p:sldMasterId id="2147483672" r:id="rId24"/>
  </p:sldMasterIdLst>
  <p:notesMasterIdLst>
    <p:notesMasterId r:id="rId45"/>
  </p:notesMasterIdLst>
  <p:sldIdLst>
    <p:sldId id="256" r:id="rId25"/>
    <p:sldId id="699" r:id="rId26"/>
    <p:sldId id="708" r:id="rId27"/>
    <p:sldId id="707" r:id="rId28"/>
    <p:sldId id="668" r:id="rId29"/>
    <p:sldId id="710" r:id="rId30"/>
    <p:sldId id="711" r:id="rId31"/>
    <p:sldId id="712" r:id="rId32"/>
    <p:sldId id="713" r:id="rId33"/>
    <p:sldId id="683" r:id="rId34"/>
    <p:sldId id="802" r:id="rId35"/>
    <p:sldId id="804" r:id="rId36"/>
    <p:sldId id="803" r:id="rId37"/>
    <p:sldId id="805" r:id="rId38"/>
    <p:sldId id="807" r:id="rId39"/>
    <p:sldId id="810" r:id="rId40"/>
    <p:sldId id="799" r:id="rId41"/>
    <p:sldId id="811" r:id="rId42"/>
    <p:sldId id="812" r:id="rId43"/>
    <p:sldId id="685" r:id="rId44"/>
  </p:sldIdLst>
  <p:sldSz cx="12188825" cy="6858000"/>
  <p:notesSz cx="6858000" cy="9144000"/>
  <p:defaultTextStyle>
    <a:defPPr>
      <a:defRPr lang="da-DK"/>
    </a:defPPr>
    <a:lvl1pPr marL="0" algn="l" defTabSz="967527" rtl="0" eaLnBrk="1" latinLnBrk="0" hangingPunct="1">
      <a:defRPr sz="1905" kern="1200">
        <a:solidFill>
          <a:schemeClr val="tx1"/>
        </a:solidFill>
        <a:latin typeface="+mn-lt"/>
        <a:ea typeface="+mn-ea"/>
        <a:cs typeface="+mn-cs"/>
      </a:defRPr>
    </a:lvl1pPr>
    <a:lvl2pPr marL="483763" algn="l" defTabSz="967527" rtl="0" eaLnBrk="1" latinLnBrk="0" hangingPunct="1">
      <a:defRPr sz="1905" kern="1200">
        <a:solidFill>
          <a:schemeClr val="tx1"/>
        </a:solidFill>
        <a:latin typeface="+mn-lt"/>
        <a:ea typeface="+mn-ea"/>
        <a:cs typeface="+mn-cs"/>
      </a:defRPr>
    </a:lvl2pPr>
    <a:lvl3pPr marL="967527" algn="l" defTabSz="967527" rtl="0" eaLnBrk="1" latinLnBrk="0" hangingPunct="1">
      <a:defRPr sz="1905" kern="1200">
        <a:solidFill>
          <a:schemeClr val="tx1"/>
        </a:solidFill>
        <a:latin typeface="+mn-lt"/>
        <a:ea typeface="+mn-ea"/>
        <a:cs typeface="+mn-cs"/>
      </a:defRPr>
    </a:lvl3pPr>
    <a:lvl4pPr marL="1451290" algn="l" defTabSz="967527" rtl="0" eaLnBrk="1" latinLnBrk="0" hangingPunct="1">
      <a:defRPr sz="1905" kern="1200">
        <a:solidFill>
          <a:schemeClr val="tx1"/>
        </a:solidFill>
        <a:latin typeface="+mn-lt"/>
        <a:ea typeface="+mn-ea"/>
        <a:cs typeface="+mn-cs"/>
      </a:defRPr>
    </a:lvl4pPr>
    <a:lvl5pPr marL="1935053" algn="l" defTabSz="967527" rtl="0" eaLnBrk="1" latinLnBrk="0" hangingPunct="1">
      <a:defRPr sz="1905" kern="1200">
        <a:solidFill>
          <a:schemeClr val="tx1"/>
        </a:solidFill>
        <a:latin typeface="+mn-lt"/>
        <a:ea typeface="+mn-ea"/>
        <a:cs typeface="+mn-cs"/>
      </a:defRPr>
    </a:lvl5pPr>
    <a:lvl6pPr marL="2418817" algn="l" defTabSz="967527" rtl="0" eaLnBrk="1" latinLnBrk="0" hangingPunct="1">
      <a:defRPr sz="1905" kern="1200">
        <a:solidFill>
          <a:schemeClr val="tx1"/>
        </a:solidFill>
        <a:latin typeface="+mn-lt"/>
        <a:ea typeface="+mn-ea"/>
        <a:cs typeface="+mn-cs"/>
      </a:defRPr>
    </a:lvl6pPr>
    <a:lvl7pPr marL="2902580" algn="l" defTabSz="967527" rtl="0" eaLnBrk="1" latinLnBrk="0" hangingPunct="1">
      <a:defRPr sz="1905" kern="1200">
        <a:solidFill>
          <a:schemeClr val="tx1"/>
        </a:solidFill>
        <a:latin typeface="+mn-lt"/>
        <a:ea typeface="+mn-ea"/>
        <a:cs typeface="+mn-cs"/>
      </a:defRPr>
    </a:lvl7pPr>
    <a:lvl8pPr marL="3386343" algn="l" defTabSz="967527" rtl="0" eaLnBrk="1" latinLnBrk="0" hangingPunct="1">
      <a:defRPr sz="1905" kern="1200">
        <a:solidFill>
          <a:schemeClr val="tx1"/>
        </a:solidFill>
        <a:latin typeface="+mn-lt"/>
        <a:ea typeface="+mn-ea"/>
        <a:cs typeface="+mn-cs"/>
      </a:defRPr>
    </a:lvl8pPr>
    <a:lvl9pPr marL="3870107" algn="l" defTabSz="967527" rtl="0" eaLnBrk="1" latinLnBrk="0" hangingPunct="1">
      <a:defRPr sz="1905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9D9D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93" autoAdjust="0"/>
    <p:restoredTop sz="94586"/>
  </p:normalViewPr>
  <p:slideViewPr>
    <p:cSldViewPr snapToGrid="0" snapToObjects="1">
      <p:cViewPr varScale="1">
        <p:scale>
          <a:sx n="114" d="100"/>
          <a:sy n="114" d="100"/>
        </p:scale>
        <p:origin x="360" y="102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66" d="100"/>
        <a:sy n="66" d="100"/>
      </p:scale>
      <p:origin x="0" y="0"/>
    </p:cViewPr>
  </p:sorterViewPr>
  <p:notesViewPr>
    <p:cSldViewPr snapToGrid="0" snapToObjects="1">
      <p:cViewPr varScale="1">
        <p:scale>
          <a:sx n="119" d="100"/>
          <a:sy n="119" d="100"/>
        </p:scale>
        <p:origin x="2760" y="2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2.xml"/><Relationship Id="rId39" Type="http://schemas.openxmlformats.org/officeDocument/2006/relationships/slide" Target="slides/slide15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10.xml"/><Relationship Id="rId42" Type="http://schemas.openxmlformats.org/officeDocument/2006/relationships/slide" Target="slides/slide18.xml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1.xml"/><Relationship Id="rId33" Type="http://schemas.openxmlformats.org/officeDocument/2006/relationships/slide" Target="slides/slide9.xml"/><Relationship Id="rId38" Type="http://schemas.openxmlformats.org/officeDocument/2006/relationships/slide" Target="slides/slide14.xml"/><Relationship Id="rId46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5.xml"/><Relationship Id="rId41" Type="http://schemas.openxmlformats.org/officeDocument/2006/relationships/slide" Target="slides/slide17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1.xml"/><Relationship Id="rId32" Type="http://schemas.openxmlformats.org/officeDocument/2006/relationships/slide" Target="slides/slide8.xml"/><Relationship Id="rId37" Type="http://schemas.openxmlformats.org/officeDocument/2006/relationships/slide" Target="slides/slide13.xml"/><Relationship Id="rId40" Type="http://schemas.openxmlformats.org/officeDocument/2006/relationships/slide" Target="slides/slide16.xml"/><Relationship Id="rId45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4.xml"/><Relationship Id="rId36" Type="http://schemas.openxmlformats.org/officeDocument/2006/relationships/slide" Target="slides/slide12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7.xml"/><Relationship Id="rId44" Type="http://schemas.openxmlformats.org/officeDocument/2006/relationships/slide" Target="slides/slide20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3.xml"/><Relationship Id="rId30" Type="http://schemas.openxmlformats.org/officeDocument/2006/relationships/slide" Target="slides/slide6.xml"/><Relationship Id="rId35" Type="http://schemas.openxmlformats.org/officeDocument/2006/relationships/slide" Target="slides/slide11.xml"/><Relationship Id="rId43" Type="http://schemas.openxmlformats.org/officeDocument/2006/relationships/slide" Target="slides/slide19.xml"/><Relationship Id="rId48" Type="http://schemas.openxmlformats.org/officeDocument/2006/relationships/theme" Target="theme/theme1.xml"/><Relationship Id="rId8" Type="http://schemas.openxmlformats.org/officeDocument/2006/relationships/customXml" Target="../customXml/item8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Open Sans" panose="020B0606030504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Open Sans" panose="020B0606030504020204" pitchFamily="34" charset="0"/>
              </a:defRPr>
            </a:lvl1pPr>
          </a:lstStyle>
          <a:p>
            <a:fld id="{DCCB8CF4-8B7D-0347-B5F5-5630D5C5F925}" type="datetimeFigureOut">
              <a:rPr lang="da-DK" smtClean="0"/>
              <a:pPr/>
              <a:t>23-09-2021</a:t>
            </a:fld>
            <a:endParaRPr lang="da-DK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Open Sans" panose="020B0606030504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Open Sans" panose="020B0606030504020204" pitchFamily="34" charset="0"/>
              </a:defRPr>
            </a:lvl1pPr>
          </a:lstStyle>
          <a:p>
            <a:fld id="{D2B0507B-53A2-554C-AE98-86FCF7152BA5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82019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67527" rtl="0" eaLnBrk="1" latinLnBrk="0" hangingPunct="1">
      <a:defRPr sz="1270" kern="1200">
        <a:solidFill>
          <a:schemeClr val="tx1"/>
        </a:solidFill>
        <a:latin typeface="Open Sans" panose="020B0606030504020204" pitchFamily="34" charset="0"/>
        <a:ea typeface="+mn-ea"/>
        <a:cs typeface="+mn-cs"/>
      </a:defRPr>
    </a:lvl1pPr>
    <a:lvl2pPr marL="483763" algn="l" defTabSz="967527" rtl="0" eaLnBrk="1" latinLnBrk="0" hangingPunct="1">
      <a:defRPr sz="1270" kern="1200">
        <a:solidFill>
          <a:schemeClr val="tx1"/>
        </a:solidFill>
        <a:latin typeface="Open Sans" panose="020B0606030504020204" pitchFamily="34" charset="0"/>
        <a:ea typeface="+mn-ea"/>
        <a:cs typeface="+mn-cs"/>
      </a:defRPr>
    </a:lvl2pPr>
    <a:lvl3pPr marL="967527" algn="l" defTabSz="967527" rtl="0" eaLnBrk="1" latinLnBrk="0" hangingPunct="1">
      <a:defRPr sz="1270" kern="1200">
        <a:solidFill>
          <a:schemeClr val="tx1"/>
        </a:solidFill>
        <a:latin typeface="Open Sans" panose="020B0606030504020204" pitchFamily="34" charset="0"/>
        <a:ea typeface="+mn-ea"/>
        <a:cs typeface="+mn-cs"/>
      </a:defRPr>
    </a:lvl3pPr>
    <a:lvl4pPr marL="1451290" algn="l" defTabSz="967527" rtl="0" eaLnBrk="1" latinLnBrk="0" hangingPunct="1">
      <a:defRPr sz="1270" kern="1200">
        <a:solidFill>
          <a:schemeClr val="tx1"/>
        </a:solidFill>
        <a:latin typeface="Open Sans" panose="020B0606030504020204" pitchFamily="34" charset="0"/>
        <a:ea typeface="+mn-ea"/>
        <a:cs typeface="+mn-cs"/>
      </a:defRPr>
    </a:lvl4pPr>
    <a:lvl5pPr marL="1935053" algn="l" defTabSz="967527" rtl="0" eaLnBrk="1" latinLnBrk="0" hangingPunct="1">
      <a:defRPr sz="1270" kern="1200">
        <a:solidFill>
          <a:schemeClr val="tx1"/>
        </a:solidFill>
        <a:latin typeface="Open Sans" panose="020B0606030504020204" pitchFamily="34" charset="0"/>
        <a:ea typeface="+mn-ea"/>
        <a:cs typeface="+mn-cs"/>
      </a:defRPr>
    </a:lvl5pPr>
    <a:lvl6pPr marL="2418817" algn="l" defTabSz="967527" rtl="0" eaLnBrk="1" latinLnBrk="0" hangingPunct="1">
      <a:defRPr sz="1270" kern="1200">
        <a:solidFill>
          <a:schemeClr val="tx1"/>
        </a:solidFill>
        <a:latin typeface="+mn-lt"/>
        <a:ea typeface="+mn-ea"/>
        <a:cs typeface="+mn-cs"/>
      </a:defRPr>
    </a:lvl6pPr>
    <a:lvl7pPr marL="2902580" algn="l" defTabSz="967527" rtl="0" eaLnBrk="1" latinLnBrk="0" hangingPunct="1">
      <a:defRPr sz="1270" kern="1200">
        <a:solidFill>
          <a:schemeClr val="tx1"/>
        </a:solidFill>
        <a:latin typeface="+mn-lt"/>
        <a:ea typeface="+mn-ea"/>
        <a:cs typeface="+mn-cs"/>
      </a:defRPr>
    </a:lvl7pPr>
    <a:lvl8pPr marL="3386343" algn="l" defTabSz="967527" rtl="0" eaLnBrk="1" latinLnBrk="0" hangingPunct="1">
      <a:defRPr sz="1270" kern="1200">
        <a:solidFill>
          <a:schemeClr val="tx1"/>
        </a:solidFill>
        <a:latin typeface="+mn-lt"/>
        <a:ea typeface="+mn-ea"/>
        <a:cs typeface="+mn-cs"/>
      </a:defRPr>
    </a:lvl8pPr>
    <a:lvl9pPr marL="3870107" algn="l" defTabSz="967527" rtl="0" eaLnBrk="1" latinLnBrk="0" hangingPunct="1">
      <a:defRPr sz="127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2B0507B-53A2-554C-AE98-86FCF7152BA5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9359266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2B0507B-53A2-554C-AE98-86FCF7152BA5}" type="slidenum">
              <a:rPr lang="da-DK" smtClean="0"/>
              <a:pPr/>
              <a:t>3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4954398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2B0507B-53A2-554C-AE98-86FCF7152BA5}" type="slidenum">
              <a:rPr lang="da-DK" smtClean="0"/>
              <a:pPr/>
              <a:t>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6420662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2B0507B-53A2-554C-AE98-86FCF7152BA5}" type="slidenum">
              <a:rPr lang="da-DK" smtClean="0"/>
              <a:pPr/>
              <a:t>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7725050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2B0507B-53A2-554C-AE98-86FCF7152BA5}" type="slidenum">
              <a:rPr lang="da-DK" smtClean="0"/>
              <a:pPr/>
              <a:t>6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48029882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2B0507B-53A2-554C-AE98-86FCF7152BA5}" type="slidenum">
              <a:rPr lang="da-DK" smtClean="0"/>
              <a:pPr/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96438352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2B0507B-53A2-554C-AE98-86FCF7152BA5}" type="slidenum">
              <a:rPr lang="da-DK" smtClean="0"/>
              <a:pPr/>
              <a:t>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09467964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2B0507B-53A2-554C-AE98-86FCF7152BA5}" type="slidenum">
              <a:rPr lang="da-DK" smtClean="0"/>
              <a:pPr/>
              <a:t>9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943864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D2B0507B-53A2-554C-AE98-86FCF7152BA5}" type="slidenum">
              <a:rPr lang="da-DK" smtClean="0"/>
              <a:pPr/>
              <a:t>1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321313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slide, baggrunds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523603" y="1409570"/>
            <a:ext cx="9141619" cy="1493572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algn="ctr">
              <a:defRPr sz="4867">
                <a:solidFill>
                  <a:schemeClr val="tx1"/>
                </a:solidFill>
                <a:latin typeface="Open Sans Light" panose="020B0306030504020204" pitchFamily="34" charset="0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523603" y="3047918"/>
            <a:ext cx="9141619" cy="1655762"/>
          </a:xfrm>
          <a:prstGeom prst="rect">
            <a:avLst/>
          </a:prstGeom>
        </p:spPr>
        <p:txBody>
          <a:bodyPr anchor="ctr" anchorCtr="0"/>
          <a:lstStyle>
            <a:lvl1pPr marL="0" indent="0" algn="ctr">
              <a:buNone/>
              <a:defRPr sz="2751" b="0" i="0">
                <a:solidFill>
                  <a:schemeClr val="tx1"/>
                </a:solidFill>
                <a:latin typeface="+mn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  <a:lvl2pPr marL="457064" indent="0" algn="ctr">
              <a:buNone/>
              <a:defRPr sz="2000"/>
            </a:lvl2pPr>
            <a:lvl3pPr marL="914130" indent="0" algn="ctr">
              <a:buNone/>
              <a:defRPr sz="1800"/>
            </a:lvl3pPr>
            <a:lvl4pPr marL="1371194" indent="0" algn="ctr">
              <a:buNone/>
              <a:defRPr sz="1600"/>
            </a:lvl4pPr>
            <a:lvl5pPr marL="1828259" indent="0" algn="ctr">
              <a:buNone/>
              <a:defRPr sz="1600"/>
            </a:lvl5pPr>
            <a:lvl6pPr marL="2285323" indent="0" algn="ctr">
              <a:buNone/>
              <a:defRPr sz="1600"/>
            </a:lvl6pPr>
            <a:lvl7pPr marL="2742389" indent="0" algn="ctr">
              <a:buNone/>
              <a:defRPr sz="1600"/>
            </a:lvl7pPr>
            <a:lvl8pPr marL="3199453" indent="0" algn="ctr">
              <a:buNone/>
              <a:defRPr sz="1600"/>
            </a:lvl8pPr>
            <a:lvl9pPr marL="3656518" indent="0" algn="ctr">
              <a:buNone/>
              <a:defRPr sz="1600"/>
            </a:lvl9pPr>
          </a:lstStyle>
          <a:p>
            <a:r>
              <a:rPr lang="da-DK" dirty="0"/>
              <a:t>Klik for at tilføje undertitel</a:t>
            </a:r>
          </a:p>
        </p:txBody>
      </p:sp>
      <p:sp>
        <p:nvSpPr>
          <p:cNvPr id="9" name="Text Placeholder Logo">
            <a:extLst>
              <a:ext uri="{FF2B5EF4-FFF2-40B4-BE49-F238E27FC236}">
                <a16:creationId xmlns:a16="http://schemas.microsoft.com/office/drawing/2014/main" id="{10B5A285-6811-46A9-8294-A93C922E610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0471" y="68578"/>
            <a:ext cx="1813011" cy="1032482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6"/>
            </a:lvl1pPr>
          </a:lstStyle>
          <a:p>
            <a:pPr lvl="0"/>
            <a:r>
              <a:rPr lang="da-DK" dirty="0"/>
              <a:t>.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81AEA2C-9F4C-48B5-851A-F6854ACE4F47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alphaModFix amt="50000"/>
          </a:blip>
          <a:stretch>
            <a:fillRect/>
          </a:stretch>
        </p:blipFill>
        <p:spPr>
          <a:xfrm>
            <a:off x="0" y="0"/>
            <a:ext cx="12158354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895860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-slide, 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FE13606D-9E79-174F-A198-BE7BC6697058}"/>
              </a:ext>
            </a:extLst>
          </p:cNvPr>
          <p:cNvSpPr/>
          <p:nvPr userDrawn="1"/>
        </p:nvSpPr>
        <p:spPr>
          <a:xfrm>
            <a:off x="1" y="0"/>
            <a:ext cx="12187082" cy="6159471"/>
          </a:xfrm>
          <a:prstGeom prst="rect">
            <a:avLst/>
          </a:prstGeom>
          <a:solidFill>
            <a:srgbClr val="D7D8D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>
              <a:latin typeface="Open Sans" panose="020B0606030504020204" pitchFamily="34" charset="0"/>
            </a:endParaRPr>
          </a:p>
        </p:txBody>
      </p:sp>
      <p:sp>
        <p:nvSpPr>
          <p:cNvPr id="7" name="Snip Single Corner Rectangle 9">
            <a:extLst>
              <a:ext uri="{FF2B5EF4-FFF2-40B4-BE49-F238E27FC236}">
                <a16:creationId xmlns:a16="http://schemas.microsoft.com/office/drawing/2014/main" id="{A9C953DF-FB9A-9948-82D1-5F81CAE2ECA7}"/>
              </a:ext>
            </a:extLst>
          </p:cNvPr>
          <p:cNvSpPr/>
          <p:nvPr userDrawn="1"/>
        </p:nvSpPr>
        <p:spPr>
          <a:xfrm rot="10800000">
            <a:off x="0" y="2284326"/>
            <a:ext cx="9558376" cy="3875144"/>
          </a:xfrm>
          <a:custGeom>
            <a:avLst/>
            <a:gdLst>
              <a:gd name="connsiteX0" fmla="*/ 0 w 3822192"/>
              <a:gd name="connsiteY0" fmla="*/ 0 h 2615184"/>
              <a:gd name="connsiteX1" fmla="*/ 3386319 w 3822192"/>
              <a:gd name="connsiteY1" fmla="*/ 0 h 2615184"/>
              <a:gd name="connsiteX2" fmla="*/ 3822192 w 3822192"/>
              <a:gd name="connsiteY2" fmla="*/ 435873 h 2615184"/>
              <a:gd name="connsiteX3" fmla="*/ 3822192 w 3822192"/>
              <a:gd name="connsiteY3" fmla="*/ 2615184 h 2615184"/>
              <a:gd name="connsiteX4" fmla="*/ 0 w 3822192"/>
              <a:gd name="connsiteY4" fmla="*/ 2615184 h 2615184"/>
              <a:gd name="connsiteX5" fmla="*/ 0 w 3822192"/>
              <a:gd name="connsiteY5" fmla="*/ 0 h 2615184"/>
              <a:gd name="connsiteX0" fmla="*/ 0 w 3822192"/>
              <a:gd name="connsiteY0" fmla="*/ 0 h 2615184"/>
              <a:gd name="connsiteX1" fmla="*/ 3822192 w 3822192"/>
              <a:gd name="connsiteY1" fmla="*/ 435873 h 2615184"/>
              <a:gd name="connsiteX2" fmla="*/ 3822192 w 3822192"/>
              <a:gd name="connsiteY2" fmla="*/ 2615184 h 2615184"/>
              <a:gd name="connsiteX3" fmla="*/ 0 w 3822192"/>
              <a:gd name="connsiteY3" fmla="*/ 2615184 h 2615184"/>
              <a:gd name="connsiteX4" fmla="*/ 0 w 3822192"/>
              <a:gd name="connsiteY4" fmla="*/ 0 h 2615184"/>
              <a:gd name="connsiteX0" fmla="*/ 0 w 3822192"/>
              <a:gd name="connsiteY0" fmla="*/ 431460 h 3046644"/>
              <a:gd name="connsiteX1" fmla="*/ 3822192 w 3822192"/>
              <a:gd name="connsiteY1" fmla="*/ 0 h 3046644"/>
              <a:gd name="connsiteX2" fmla="*/ 3822192 w 3822192"/>
              <a:gd name="connsiteY2" fmla="*/ 3046644 h 3046644"/>
              <a:gd name="connsiteX3" fmla="*/ 0 w 3822192"/>
              <a:gd name="connsiteY3" fmla="*/ 3046644 h 3046644"/>
              <a:gd name="connsiteX4" fmla="*/ 0 w 3822192"/>
              <a:gd name="connsiteY4" fmla="*/ 431460 h 304664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822192" h="3046644">
                <a:moveTo>
                  <a:pt x="0" y="431460"/>
                </a:moveTo>
                <a:lnTo>
                  <a:pt x="3822192" y="0"/>
                </a:lnTo>
                <a:lnTo>
                  <a:pt x="3822192" y="3046644"/>
                </a:lnTo>
                <a:lnTo>
                  <a:pt x="0" y="3046644"/>
                </a:lnTo>
                <a:lnTo>
                  <a:pt x="0" y="431460"/>
                </a:lnTo>
                <a:close/>
              </a:path>
            </a:pathLst>
          </a:custGeom>
          <a:solidFill>
            <a:srgbClr val="8A8B8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>
              <a:latin typeface="Open Sans" panose="020B0606030504020204" pitchFamily="34" charset="0"/>
            </a:endParaRPr>
          </a:p>
        </p:txBody>
      </p:sp>
      <p:sp>
        <p:nvSpPr>
          <p:cNvPr id="8" name="Freeform 7">
            <a:extLst>
              <a:ext uri="{FF2B5EF4-FFF2-40B4-BE49-F238E27FC236}">
                <a16:creationId xmlns:a16="http://schemas.microsoft.com/office/drawing/2014/main" id="{EF499B42-6295-4A42-82E4-BB4D92741457}"/>
              </a:ext>
            </a:extLst>
          </p:cNvPr>
          <p:cNvSpPr/>
          <p:nvPr userDrawn="1"/>
        </p:nvSpPr>
        <p:spPr>
          <a:xfrm>
            <a:off x="-1000" y="5615786"/>
            <a:ext cx="12195970" cy="1242214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496"/>
              <a:gd name="connsiteY0" fmla="*/ 542140 h 6495385"/>
              <a:gd name="connsiteX1" fmla="*/ 9114809 w 11524496"/>
              <a:gd name="connsiteY1" fmla="*/ 0 h 6495385"/>
              <a:gd name="connsiteX2" fmla="*/ 11520937 w 11524496"/>
              <a:gd name="connsiteY2" fmla="*/ 208706 h 6495385"/>
              <a:gd name="connsiteX3" fmla="*/ 11524112 w 11524496"/>
              <a:gd name="connsiteY3" fmla="*/ 3188572 h 6495385"/>
              <a:gd name="connsiteX4" fmla="*/ 331 w 11524496"/>
              <a:gd name="connsiteY4" fmla="*/ 6495386 h 6495385"/>
              <a:gd name="connsiteX5" fmla="*/ 0 w 11524496"/>
              <a:gd name="connsiteY5" fmla="*/ 542140 h 6495385"/>
              <a:gd name="connsiteX0" fmla="*/ 0 w 11524112"/>
              <a:gd name="connsiteY0" fmla="*/ 542140 h 6495386"/>
              <a:gd name="connsiteX1" fmla="*/ 9114809 w 11524112"/>
              <a:gd name="connsiteY1" fmla="*/ 0 h 6495386"/>
              <a:gd name="connsiteX2" fmla="*/ 11520937 w 11524112"/>
              <a:gd name="connsiteY2" fmla="*/ 208706 h 6495386"/>
              <a:gd name="connsiteX3" fmla="*/ 11524112 w 11524112"/>
              <a:gd name="connsiteY3" fmla="*/ 3188572 h 6495386"/>
              <a:gd name="connsiteX4" fmla="*/ 331 w 11524112"/>
              <a:gd name="connsiteY4" fmla="*/ 6495386 h 6495386"/>
              <a:gd name="connsiteX5" fmla="*/ 0 w 11524112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14384 w 11520937"/>
              <a:gd name="connsiteY3" fmla="*/ 2233650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14384 w 11520937"/>
              <a:gd name="connsiteY3" fmla="*/ 2233650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50960 w 11520937"/>
              <a:gd name="connsiteY3" fmla="*/ 1359997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1842676"/>
              <a:gd name="connsiteX1" fmla="*/ 9114809 w 11520937"/>
              <a:gd name="connsiteY1" fmla="*/ 0 h 1842676"/>
              <a:gd name="connsiteX2" fmla="*/ 11520937 w 11520937"/>
              <a:gd name="connsiteY2" fmla="*/ 208706 h 1842676"/>
              <a:gd name="connsiteX3" fmla="*/ 11450960 w 11520937"/>
              <a:gd name="connsiteY3" fmla="*/ 1359997 h 1842676"/>
              <a:gd name="connsiteX4" fmla="*/ 402667 w 11520937"/>
              <a:gd name="connsiteY4" fmla="*/ 1842676 h 1842676"/>
              <a:gd name="connsiteX5" fmla="*/ 0 w 11520937"/>
              <a:gd name="connsiteY5" fmla="*/ 542140 h 1842676"/>
              <a:gd name="connsiteX0" fmla="*/ 0 w 11520937"/>
              <a:gd name="connsiteY0" fmla="*/ 542140 h 1873037"/>
              <a:gd name="connsiteX1" fmla="*/ 9114809 w 11520937"/>
              <a:gd name="connsiteY1" fmla="*/ 0 h 1873037"/>
              <a:gd name="connsiteX2" fmla="*/ 11520937 w 11520937"/>
              <a:gd name="connsiteY2" fmla="*/ 208706 h 1873037"/>
              <a:gd name="connsiteX3" fmla="*/ 11450960 w 11520937"/>
              <a:gd name="connsiteY3" fmla="*/ 1359997 h 1873037"/>
              <a:gd name="connsiteX4" fmla="*/ 402667 w 11520937"/>
              <a:gd name="connsiteY4" fmla="*/ 1842676 h 1873037"/>
              <a:gd name="connsiteX5" fmla="*/ 0 w 11520937"/>
              <a:gd name="connsiteY5" fmla="*/ 542140 h 1873037"/>
              <a:gd name="connsiteX0" fmla="*/ 7907 w 11528844"/>
              <a:gd name="connsiteY0" fmla="*/ 542140 h 1536909"/>
              <a:gd name="connsiteX1" fmla="*/ 9122716 w 11528844"/>
              <a:gd name="connsiteY1" fmla="*/ 0 h 1536909"/>
              <a:gd name="connsiteX2" fmla="*/ 11528844 w 11528844"/>
              <a:gd name="connsiteY2" fmla="*/ 208706 h 1536909"/>
              <a:gd name="connsiteX3" fmla="*/ 11458867 w 11528844"/>
              <a:gd name="connsiteY3" fmla="*/ 1359997 h 1536909"/>
              <a:gd name="connsiteX4" fmla="*/ 8238 w 11528844"/>
              <a:gd name="connsiteY4" fmla="*/ 1090928 h 1536909"/>
              <a:gd name="connsiteX5" fmla="*/ 7907 w 11528844"/>
              <a:gd name="connsiteY5" fmla="*/ 542140 h 1536909"/>
              <a:gd name="connsiteX0" fmla="*/ 0 w 11520937"/>
              <a:gd name="connsiteY0" fmla="*/ 542140 h 1516989"/>
              <a:gd name="connsiteX1" fmla="*/ 9114809 w 11520937"/>
              <a:gd name="connsiteY1" fmla="*/ 0 h 1516989"/>
              <a:gd name="connsiteX2" fmla="*/ 11520937 w 11520937"/>
              <a:gd name="connsiteY2" fmla="*/ 208706 h 1516989"/>
              <a:gd name="connsiteX3" fmla="*/ 11450960 w 11520937"/>
              <a:gd name="connsiteY3" fmla="*/ 1359997 h 1516989"/>
              <a:gd name="connsiteX4" fmla="*/ 329515 w 11520937"/>
              <a:gd name="connsiteY4" fmla="*/ 1029976 h 1516989"/>
              <a:gd name="connsiteX5" fmla="*/ 0 w 11520937"/>
              <a:gd name="connsiteY5" fmla="*/ 542140 h 1516989"/>
              <a:gd name="connsiteX0" fmla="*/ 0 w 11520937"/>
              <a:gd name="connsiteY0" fmla="*/ 542140 h 1562013"/>
              <a:gd name="connsiteX1" fmla="*/ 9114809 w 11520937"/>
              <a:gd name="connsiteY1" fmla="*/ 0 h 1562013"/>
              <a:gd name="connsiteX2" fmla="*/ 11520937 w 11520937"/>
              <a:gd name="connsiteY2" fmla="*/ 208706 h 1562013"/>
              <a:gd name="connsiteX3" fmla="*/ 11450960 w 11520937"/>
              <a:gd name="connsiteY3" fmla="*/ 1359997 h 1562013"/>
              <a:gd name="connsiteX4" fmla="*/ 179534 w 11520937"/>
              <a:gd name="connsiteY4" fmla="*/ 1164351 h 1562013"/>
              <a:gd name="connsiteX5" fmla="*/ 0 w 11520937"/>
              <a:gd name="connsiteY5" fmla="*/ 542140 h 1562013"/>
              <a:gd name="connsiteX0" fmla="*/ 0 w 11520937"/>
              <a:gd name="connsiteY0" fmla="*/ 542140 h 1520033"/>
              <a:gd name="connsiteX1" fmla="*/ 9114809 w 11520937"/>
              <a:gd name="connsiteY1" fmla="*/ 0 h 1520033"/>
              <a:gd name="connsiteX2" fmla="*/ 11520937 w 11520937"/>
              <a:gd name="connsiteY2" fmla="*/ 208706 h 1520033"/>
              <a:gd name="connsiteX3" fmla="*/ 11450960 w 11520937"/>
              <a:gd name="connsiteY3" fmla="*/ 1359997 h 1520033"/>
              <a:gd name="connsiteX4" fmla="*/ 179534 w 11520937"/>
              <a:gd name="connsiteY4" fmla="*/ 1164351 h 1520033"/>
              <a:gd name="connsiteX5" fmla="*/ 0 w 11520937"/>
              <a:gd name="connsiteY5" fmla="*/ 542140 h 1520033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79534 w 11520937"/>
              <a:gd name="connsiteY4" fmla="*/ 1164351 h 1363604"/>
              <a:gd name="connsiteX5" fmla="*/ 0 w 11520937"/>
              <a:gd name="connsiteY5" fmla="*/ 542140 h 1363604"/>
              <a:gd name="connsiteX0" fmla="*/ 1532 w 11522469"/>
              <a:gd name="connsiteY0" fmla="*/ 542140 h 1363604"/>
              <a:gd name="connsiteX1" fmla="*/ 9116341 w 11522469"/>
              <a:gd name="connsiteY1" fmla="*/ 0 h 1363604"/>
              <a:gd name="connsiteX2" fmla="*/ 11522469 w 11522469"/>
              <a:gd name="connsiteY2" fmla="*/ 208706 h 1363604"/>
              <a:gd name="connsiteX3" fmla="*/ 11452492 w 11522469"/>
              <a:gd name="connsiteY3" fmla="*/ 1359997 h 1363604"/>
              <a:gd name="connsiteX4" fmla="*/ 16571 w 11522469"/>
              <a:gd name="connsiteY4" fmla="*/ 1261101 h 1363604"/>
              <a:gd name="connsiteX5" fmla="*/ 1532 w 11522469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5039 w 11520937"/>
              <a:gd name="connsiteY4" fmla="*/ 1261101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5039 w 11520937"/>
              <a:gd name="connsiteY4" fmla="*/ 1261101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8689 w 11520937"/>
              <a:gd name="connsiteY4" fmla="*/ 1271683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8689 w 11520937"/>
              <a:gd name="connsiteY4" fmla="*/ 1271683 h 1363604"/>
              <a:gd name="connsiteX5" fmla="*/ 0 w 11520937"/>
              <a:gd name="connsiteY5" fmla="*/ 542140 h 1363604"/>
              <a:gd name="connsiteX0" fmla="*/ 946 w 11521883"/>
              <a:gd name="connsiteY0" fmla="*/ 542140 h 1363604"/>
              <a:gd name="connsiteX1" fmla="*/ 9115755 w 11521883"/>
              <a:gd name="connsiteY1" fmla="*/ 0 h 1363604"/>
              <a:gd name="connsiteX2" fmla="*/ 11521883 w 11521883"/>
              <a:gd name="connsiteY2" fmla="*/ 208706 h 1363604"/>
              <a:gd name="connsiteX3" fmla="*/ 11451906 w 11521883"/>
              <a:gd name="connsiteY3" fmla="*/ 1359997 h 1363604"/>
              <a:gd name="connsiteX4" fmla="*/ 110 w 11521883"/>
              <a:gd name="connsiteY4" fmla="*/ 1268156 h 1363604"/>
              <a:gd name="connsiteX5" fmla="*/ 946 w 11521883"/>
              <a:gd name="connsiteY5" fmla="*/ 542140 h 1363604"/>
              <a:gd name="connsiteX0" fmla="*/ 946 w 11525058"/>
              <a:gd name="connsiteY0" fmla="*/ 542140 h 1359997"/>
              <a:gd name="connsiteX1" fmla="*/ 9115755 w 11525058"/>
              <a:gd name="connsiteY1" fmla="*/ 0 h 1359997"/>
              <a:gd name="connsiteX2" fmla="*/ 11525058 w 11525058"/>
              <a:gd name="connsiteY2" fmla="*/ 169906 h 1359997"/>
              <a:gd name="connsiteX3" fmla="*/ 11451906 w 11525058"/>
              <a:gd name="connsiteY3" fmla="*/ 1359997 h 1359997"/>
              <a:gd name="connsiteX4" fmla="*/ 110 w 11525058"/>
              <a:gd name="connsiteY4" fmla="*/ 1268156 h 1359997"/>
              <a:gd name="connsiteX5" fmla="*/ 946 w 11525058"/>
              <a:gd name="connsiteY5" fmla="*/ 542140 h 1359997"/>
              <a:gd name="connsiteX0" fmla="*/ 946 w 11525073"/>
              <a:gd name="connsiteY0" fmla="*/ 542140 h 1359997"/>
              <a:gd name="connsiteX1" fmla="*/ 9115755 w 11525073"/>
              <a:gd name="connsiteY1" fmla="*/ 0 h 1359997"/>
              <a:gd name="connsiteX2" fmla="*/ 11525058 w 11525073"/>
              <a:gd name="connsiteY2" fmla="*/ 169906 h 1359997"/>
              <a:gd name="connsiteX3" fmla="*/ 11451906 w 11525073"/>
              <a:gd name="connsiteY3" fmla="*/ 1359997 h 1359997"/>
              <a:gd name="connsiteX4" fmla="*/ 110 w 11525073"/>
              <a:gd name="connsiteY4" fmla="*/ 1268156 h 1359997"/>
              <a:gd name="connsiteX5" fmla="*/ 946 w 11525073"/>
              <a:gd name="connsiteY5" fmla="*/ 542140 h 1359997"/>
              <a:gd name="connsiteX0" fmla="*/ 946 w 11526882"/>
              <a:gd name="connsiteY0" fmla="*/ 542140 h 1268286"/>
              <a:gd name="connsiteX1" fmla="*/ 9115755 w 11526882"/>
              <a:gd name="connsiteY1" fmla="*/ 0 h 1268286"/>
              <a:gd name="connsiteX2" fmla="*/ 11525058 w 11526882"/>
              <a:gd name="connsiteY2" fmla="*/ 169906 h 1268286"/>
              <a:gd name="connsiteX3" fmla="*/ 11512231 w 11526882"/>
              <a:gd name="connsiteY3" fmla="*/ 1268286 h 1268286"/>
              <a:gd name="connsiteX4" fmla="*/ 110 w 11526882"/>
              <a:gd name="connsiteY4" fmla="*/ 1268156 h 1268286"/>
              <a:gd name="connsiteX5" fmla="*/ 946 w 11526882"/>
              <a:gd name="connsiteY5" fmla="*/ 542140 h 1268286"/>
              <a:gd name="connsiteX0" fmla="*/ 946 w 11525140"/>
              <a:gd name="connsiteY0" fmla="*/ 542140 h 1268286"/>
              <a:gd name="connsiteX1" fmla="*/ 9115755 w 11525140"/>
              <a:gd name="connsiteY1" fmla="*/ 0 h 1268286"/>
              <a:gd name="connsiteX2" fmla="*/ 11525058 w 11525140"/>
              <a:gd name="connsiteY2" fmla="*/ 169906 h 1268286"/>
              <a:gd name="connsiteX3" fmla="*/ 11512231 w 11525140"/>
              <a:gd name="connsiteY3" fmla="*/ 1268286 h 1268286"/>
              <a:gd name="connsiteX4" fmla="*/ 110 w 11525140"/>
              <a:gd name="connsiteY4" fmla="*/ 1268156 h 1268286"/>
              <a:gd name="connsiteX5" fmla="*/ 946 w 11525140"/>
              <a:gd name="connsiteY5" fmla="*/ 542140 h 1268286"/>
              <a:gd name="connsiteX0" fmla="*/ 946 w 11525270"/>
              <a:gd name="connsiteY0" fmla="*/ 542140 h 1271813"/>
              <a:gd name="connsiteX1" fmla="*/ 9115755 w 11525270"/>
              <a:gd name="connsiteY1" fmla="*/ 0 h 1271813"/>
              <a:gd name="connsiteX2" fmla="*/ 11525058 w 11525270"/>
              <a:gd name="connsiteY2" fmla="*/ 169906 h 1271813"/>
              <a:gd name="connsiteX3" fmla="*/ 11518581 w 11525270"/>
              <a:gd name="connsiteY3" fmla="*/ 1271813 h 1271813"/>
              <a:gd name="connsiteX4" fmla="*/ 110 w 11525270"/>
              <a:gd name="connsiteY4" fmla="*/ 1268156 h 1271813"/>
              <a:gd name="connsiteX5" fmla="*/ 946 w 11525270"/>
              <a:gd name="connsiteY5" fmla="*/ 542140 h 1271813"/>
              <a:gd name="connsiteX0" fmla="*/ 946 w 11527241"/>
              <a:gd name="connsiteY0" fmla="*/ 542140 h 1271813"/>
              <a:gd name="connsiteX1" fmla="*/ 9115755 w 11527241"/>
              <a:gd name="connsiteY1" fmla="*/ 0 h 1271813"/>
              <a:gd name="connsiteX2" fmla="*/ 11525058 w 11527241"/>
              <a:gd name="connsiteY2" fmla="*/ 169906 h 1271813"/>
              <a:gd name="connsiteX3" fmla="*/ 11524931 w 11527241"/>
              <a:gd name="connsiteY3" fmla="*/ 1271813 h 1271813"/>
              <a:gd name="connsiteX4" fmla="*/ 110 w 11527241"/>
              <a:gd name="connsiteY4" fmla="*/ 1268156 h 1271813"/>
              <a:gd name="connsiteX5" fmla="*/ 946 w 11527241"/>
              <a:gd name="connsiteY5" fmla="*/ 542140 h 1271813"/>
              <a:gd name="connsiteX0" fmla="*/ 946 w 11527241"/>
              <a:gd name="connsiteY0" fmla="*/ 573886 h 1303559"/>
              <a:gd name="connsiteX1" fmla="*/ 9030030 w 11527241"/>
              <a:gd name="connsiteY1" fmla="*/ 0 h 1303559"/>
              <a:gd name="connsiteX2" fmla="*/ 11525058 w 11527241"/>
              <a:gd name="connsiteY2" fmla="*/ 201652 h 1303559"/>
              <a:gd name="connsiteX3" fmla="*/ 11524931 w 11527241"/>
              <a:gd name="connsiteY3" fmla="*/ 1303559 h 1303559"/>
              <a:gd name="connsiteX4" fmla="*/ 110 w 11527241"/>
              <a:gd name="connsiteY4" fmla="*/ 1299902 h 1303559"/>
              <a:gd name="connsiteX5" fmla="*/ 946 w 11527241"/>
              <a:gd name="connsiteY5" fmla="*/ 573886 h 1303559"/>
              <a:gd name="connsiteX0" fmla="*/ 946 w 11527241"/>
              <a:gd name="connsiteY0" fmla="*/ 573886 h 1303559"/>
              <a:gd name="connsiteX1" fmla="*/ 9036380 w 11527241"/>
              <a:gd name="connsiteY1" fmla="*/ 0 h 1303559"/>
              <a:gd name="connsiteX2" fmla="*/ 11525058 w 11527241"/>
              <a:gd name="connsiteY2" fmla="*/ 201652 h 1303559"/>
              <a:gd name="connsiteX3" fmla="*/ 11524931 w 11527241"/>
              <a:gd name="connsiteY3" fmla="*/ 1303559 h 1303559"/>
              <a:gd name="connsiteX4" fmla="*/ 110 w 11527241"/>
              <a:gd name="connsiteY4" fmla="*/ 1299902 h 1303559"/>
              <a:gd name="connsiteX5" fmla="*/ 946 w 11527241"/>
              <a:gd name="connsiteY5" fmla="*/ 573886 h 13035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7241" h="1303559">
                <a:moveTo>
                  <a:pt x="946" y="573886"/>
                </a:moveTo>
                <a:lnTo>
                  <a:pt x="9036380" y="0"/>
                </a:lnTo>
                <a:lnTo>
                  <a:pt x="11525058" y="201652"/>
                </a:lnTo>
                <a:cubicBezTo>
                  <a:pt x="11526116" y="664524"/>
                  <a:pt x="11529461" y="717231"/>
                  <a:pt x="11524931" y="1303559"/>
                </a:cubicBezTo>
                <a:lnTo>
                  <a:pt x="110" y="1299902"/>
                </a:lnTo>
                <a:cubicBezTo>
                  <a:pt x="-750" y="939156"/>
                  <a:pt x="3777" y="902801"/>
                  <a:pt x="946" y="573886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29FE3A3-0877-9549-9820-361670EFC8B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14203" y="3039228"/>
            <a:ext cx="8750684" cy="2032310"/>
          </a:xfrm>
          <a:prstGeom prst="rect">
            <a:avLst/>
          </a:prstGeom>
        </p:spPr>
        <p:txBody>
          <a:bodyPr anchor="t">
            <a:normAutofit/>
          </a:bodyPr>
          <a:lstStyle>
            <a:lvl1pPr algn="l">
              <a:defRPr lang="da-DK" sz="4867" spc="0" baseline="0" smtClean="0">
                <a:solidFill>
                  <a:schemeClr val="bg1"/>
                </a:solidFill>
                <a:effectLst/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B4474A7C-05C2-445F-8DFA-9A8153FEECF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564365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B413DB-02D0-4EE1-8E0A-2A22007AA07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663B336-2FCD-425E-B770-EB3F45541377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3038400"/>
            <a:ext cx="10852150" cy="3319463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12B11E1A-A49A-46E4-9478-93DEBEA2362F}"/>
              </a:ext>
            </a:extLst>
          </p:cNvPr>
          <p:cNvSpPr/>
          <p:nvPr userDrawn="1"/>
        </p:nvSpPr>
        <p:spPr>
          <a:xfrm>
            <a:off x="-1" y="0"/>
            <a:ext cx="12193066" cy="1273923"/>
          </a:xfrm>
          <a:custGeom>
            <a:avLst/>
            <a:gdLst>
              <a:gd name="connsiteX0" fmla="*/ 0 w 11524496"/>
              <a:gd name="connsiteY0" fmla="*/ 0 h 1203739"/>
              <a:gd name="connsiteX1" fmla="*/ 11524496 w 11524496"/>
              <a:gd name="connsiteY1" fmla="*/ 0 h 1203739"/>
              <a:gd name="connsiteX2" fmla="*/ 11524496 w 11524496"/>
              <a:gd name="connsiteY2" fmla="*/ 1203739 h 1203739"/>
              <a:gd name="connsiteX3" fmla="*/ 11521131 w 11524496"/>
              <a:gd name="connsiteY3" fmla="*/ 1203739 h 1203739"/>
              <a:gd name="connsiteX4" fmla="*/ 11520937 w 11524496"/>
              <a:gd name="connsiteY4" fmla="*/ 891268 h 1203739"/>
              <a:gd name="connsiteX5" fmla="*/ 11520489 w 11524496"/>
              <a:gd name="connsiteY5" fmla="*/ 891236 h 1203739"/>
              <a:gd name="connsiteX6" fmla="*/ 11520489 w 11524496"/>
              <a:gd name="connsiteY6" fmla="*/ 918369 h 1203739"/>
              <a:gd name="connsiteX7" fmla="*/ 11520423 w 11524496"/>
              <a:gd name="connsiteY7" fmla="*/ 918369 h 1203739"/>
              <a:gd name="connsiteX8" fmla="*/ 11520424 w 11524496"/>
              <a:gd name="connsiteY8" fmla="*/ 909525 h 1203739"/>
              <a:gd name="connsiteX9" fmla="*/ 9249210 w 11524496"/>
              <a:gd name="connsiteY9" fmla="*/ 731044 h 1203739"/>
              <a:gd name="connsiteX10" fmla="*/ 9116877 w 11524496"/>
              <a:gd name="connsiteY10" fmla="*/ 721711 h 1203739"/>
              <a:gd name="connsiteX11" fmla="*/ 9116878 w 11524496"/>
              <a:gd name="connsiteY11" fmla="*/ 728821 h 1203739"/>
              <a:gd name="connsiteX12" fmla="*/ 9116397 w 11524496"/>
              <a:gd name="connsiteY12" fmla="*/ 728821 h 1203739"/>
              <a:gd name="connsiteX13" fmla="*/ 9116396 w 11524496"/>
              <a:gd name="connsiteY13" fmla="*/ 721677 h 1203739"/>
              <a:gd name="connsiteX14" fmla="*/ 9115486 w 11524496"/>
              <a:gd name="connsiteY14" fmla="*/ 721613 h 1203739"/>
              <a:gd name="connsiteX15" fmla="*/ 117856 w 11524496"/>
              <a:gd name="connsiteY15" fmla="*/ 1203325 h 1203739"/>
              <a:gd name="connsiteX16" fmla="*/ 3 w 11524496"/>
              <a:gd name="connsiteY16" fmla="*/ 1203325 h 1203739"/>
              <a:gd name="connsiteX17" fmla="*/ 3 w 11524496"/>
              <a:gd name="connsiteY17" fmla="*/ 1203739 h 1203739"/>
              <a:gd name="connsiteX18" fmla="*/ 0 w 11524496"/>
              <a:gd name="connsiteY18" fmla="*/ 1203739 h 1203739"/>
              <a:gd name="connsiteX19" fmla="*/ 0 w 11524496"/>
              <a:gd name="connsiteY19" fmla="*/ 1162389 h 1203739"/>
              <a:gd name="connsiteX20" fmla="*/ 1 w 11524496"/>
              <a:gd name="connsiteY20" fmla="*/ 1177454 h 1203739"/>
              <a:gd name="connsiteX21" fmla="*/ 1 w 11524496"/>
              <a:gd name="connsiteY21" fmla="*/ 1162389 h 1203739"/>
              <a:gd name="connsiteX22" fmla="*/ 0 w 11524496"/>
              <a:gd name="connsiteY22" fmla="*/ 1162389 h 12037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11524496" h="1203739">
                <a:moveTo>
                  <a:pt x="0" y="0"/>
                </a:moveTo>
                <a:lnTo>
                  <a:pt x="11524496" y="0"/>
                </a:lnTo>
                <a:lnTo>
                  <a:pt x="11524496" y="1203739"/>
                </a:lnTo>
                <a:lnTo>
                  <a:pt x="11521131" y="1203739"/>
                </a:lnTo>
                <a:lnTo>
                  <a:pt x="11520937" y="891268"/>
                </a:lnTo>
                <a:lnTo>
                  <a:pt x="11520489" y="891236"/>
                </a:lnTo>
                <a:lnTo>
                  <a:pt x="11520489" y="918369"/>
                </a:lnTo>
                <a:lnTo>
                  <a:pt x="11520423" y="918369"/>
                </a:lnTo>
                <a:lnTo>
                  <a:pt x="11520424" y="909525"/>
                </a:lnTo>
                <a:lnTo>
                  <a:pt x="9249210" y="731044"/>
                </a:lnTo>
                <a:lnTo>
                  <a:pt x="9116877" y="721711"/>
                </a:lnTo>
                <a:lnTo>
                  <a:pt x="9116878" y="728821"/>
                </a:lnTo>
                <a:lnTo>
                  <a:pt x="9116397" y="728821"/>
                </a:lnTo>
                <a:lnTo>
                  <a:pt x="9116396" y="721677"/>
                </a:lnTo>
                <a:lnTo>
                  <a:pt x="9115486" y="721613"/>
                </a:lnTo>
                <a:lnTo>
                  <a:pt x="117856" y="1203325"/>
                </a:lnTo>
                <a:lnTo>
                  <a:pt x="3" y="1203325"/>
                </a:lnTo>
                <a:lnTo>
                  <a:pt x="3" y="1203739"/>
                </a:lnTo>
                <a:lnTo>
                  <a:pt x="0" y="1203739"/>
                </a:lnTo>
                <a:lnTo>
                  <a:pt x="0" y="1162389"/>
                </a:lnTo>
                <a:lnTo>
                  <a:pt x="1" y="1177454"/>
                </a:lnTo>
                <a:lnTo>
                  <a:pt x="1" y="1162389"/>
                </a:lnTo>
                <a:lnTo>
                  <a:pt x="0" y="1162389"/>
                </a:lnTo>
                <a:close/>
              </a:path>
            </a:pathLst>
          </a:cu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 err="1"/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4A712730-08F6-45E3-B3B9-D0CBCBDC86E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900310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1D0CD8F9-49C1-4AEF-BD8C-F0C6C18559A9}"/>
              </a:ext>
            </a:extLst>
          </p:cNvPr>
          <p:cNvSpPr/>
          <p:nvPr userDrawn="1"/>
        </p:nvSpPr>
        <p:spPr>
          <a:xfrm>
            <a:off x="-985" y="5710376"/>
            <a:ext cx="12195954" cy="1149358"/>
          </a:xfrm>
          <a:custGeom>
            <a:avLst/>
            <a:gdLst>
              <a:gd name="connsiteX0" fmla="*/ 9036365 w 11527226"/>
              <a:gd name="connsiteY0" fmla="*/ 0 h 1086037"/>
              <a:gd name="connsiteX1" fmla="*/ 11525043 w 11527226"/>
              <a:gd name="connsiteY1" fmla="*/ 181509 h 1086037"/>
              <a:gd name="connsiteX2" fmla="*/ 11525675 w 11527226"/>
              <a:gd name="connsiteY2" fmla="*/ 1079814 h 1086037"/>
              <a:gd name="connsiteX3" fmla="*/ 11525625 w 11527226"/>
              <a:gd name="connsiteY3" fmla="*/ 1086037 h 1086037"/>
              <a:gd name="connsiteX4" fmla="*/ 22 w 11527226"/>
              <a:gd name="connsiteY4" fmla="*/ 1086037 h 1086037"/>
              <a:gd name="connsiteX5" fmla="*/ 0 w 11527226"/>
              <a:gd name="connsiteY5" fmla="*/ 1060892 h 1086037"/>
              <a:gd name="connsiteX6" fmla="*/ 931 w 11527226"/>
              <a:gd name="connsiteY6" fmla="*/ 516561 h 1086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1527226" h="1086037">
                <a:moveTo>
                  <a:pt x="9036365" y="0"/>
                </a:moveTo>
                <a:lnTo>
                  <a:pt x="11525043" y="181509"/>
                </a:lnTo>
                <a:cubicBezTo>
                  <a:pt x="11526035" y="572106"/>
                  <a:pt x="11529037" y="638215"/>
                  <a:pt x="11525675" y="1079814"/>
                </a:cubicBezTo>
                <a:lnTo>
                  <a:pt x="11525625" y="1086037"/>
                </a:lnTo>
                <a:lnTo>
                  <a:pt x="22" y="1086037"/>
                </a:lnTo>
                <a:lnTo>
                  <a:pt x="0" y="1060892"/>
                </a:lnTo>
                <a:cubicBezTo>
                  <a:pt x="252" y="833050"/>
                  <a:pt x="3408" y="775614"/>
                  <a:pt x="931" y="516561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8865A00E-7157-433C-BD67-6D346EE69EA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76920" y="5813810"/>
            <a:ext cx="1813011" cy="1032482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CCC4C5B3-BAB9-46A5-B520-8C69C1CBBE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464A3E5-144E-4538-B13A-19CDA5E69A49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3038400"/>
            <a:ext cx="10852150" cy="2540000"/>
          </a:xfrm>
        </p:spPr>
        <p:txBody>
          <a:bodyPr/>
          <a:lstStyle/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6438111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C0CE89B-9A3B-4F9A-834D-56D42ACB629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752E8F1-798F-469B-A9A6-312AB8B1373E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3038475"/>
            <a:ext cx="10852150" cy="3319463"/>
          </a:xfrm>
        </p:spPr>
        <p:txBody>
          <a:bodyPr/>
          <a:lstStyle/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2153500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uden overskrif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 6">
            <a:extLst>
              <a:ext uri="{FF2B5EF4-FFF2-40B4-BE49-F238E27FC236}">
                <a16:creationId xmlns:a16="http://schemas.microsoft.com/office/drawing/2014/main" id="{BBC91F07-0D2F-E944-AD40-1C797C06E5D1}"/>
              </a:ext>
            </a:extLst>
          </p:cNvPr>
          <p:cNvSpPr/>
          <p:nvPr userDrawn="1"/>
        </p:nvSpPr>
        <p:spPr>
          <a:xfrm>
            <a:off x="-1" y="763635"/>
            <a:ext cx="12193066" cy="6094365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4496" h="6500326">
                <a:moveTo>
                  <a:pt x="0" y="542140"/>
                </a:moveTo>
                <a:lnTo>
                  <a:pt x="9114809" y="0"/>
                </a:lnTo>
                <a:lnTo>
                  <a:pt x="11520937" y="208706"/>
                </a:lnTo>
                <a:cubicBezTo>
                  <a:pt x="11518820" y="2311792"/>
                  <a:pt x="11526229" y="4397240"/>
                  <a:pt x="11524112" y="6500326"/>
                </a:cubicBezTo>
                <a:lnTo>
                  <a:pt x="331" y="6495386"/>
                </a:lnTo>
                <a:cubicBezTo>
                  <a:pt x="221" y="4509795"/>
                  <a:pt x="110" y="2527731"/>
                  <a:pt x="0" y="54214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512A1D8-511C-47DA-9028-500B34260BF1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1409570"/>
            <a:ext cx="10851866" cy="4947773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6" name="Freeform: Shape 5">
            <a:extLst>
              <a:ext uri="{FF2B5EF4-FFF2-40B4-BE49-F238E27FC236}">
                <a16:creationId xmlns:a16="http://schemas.microsoft.com/office/drawing/2014/main" id="{7F66DDEB-251B-4675-BC32-01E8DBB9A6AD}"/>
              </a:ext>
            </a:extLst>
          </p:cNvPr>
          <p:cNvSpPr/>
          <p:nvPr userDrawn="1"/>
        </p:nvSpPr>
        <p:spPr>
          <a:xfrm>
            <a:off x="-1" y="0"/>
            <a:ext cx="12193066" cy="1273923"/>
          </a:xfrm>
          <a:custGeom>
            <a:avLst/>
            <a:gdLst>
              <a:gd name="connsiteX0" fmla="*/ 0 w 11524496"/>
              <a:gd name="connsiteY0" fmla="*/ 0 h 1203739"/>
              <a:gd name="connsiteX1" fmla="*/ 11524496 w 11524496"/>
              <a:gd name="connsiteY1" fmla="*/ 0 h 1203739"/>
              <a:gd name="connsiteX2" fmla="*/ 11524496 w 11524496"/>
              <a:gd name="connsiteY2" fmla="*/ 1203739 h 1203739"/>
              <a:gd name="connsiteX3" fmla="*/ 11521131 w 11524496"/>
              <a:gd name="connsiteY3" fmla="*/ 1203739 h 1203739"/>
              <a:gd name="connsiteX4" fmla="*/ 11520937 w 11524496"/>
              <a:gd name="connsiteY4" fmla="*/ 891268 h 1203739"/>
              <a:gd name="connsiteX5" fmla="*/ 11520489 w 11524496"/>
              <a:gd name="connsiteY5" fmla="*/ 891236 h 1203739"/>
              <a:gd name="connsiteX6" fmla="*/ 11520489 w 11524496"/>
              <a:gd name="connsiteY6" fmla="*/ 918369 h 1203739"/>
              <a:gd name="connsiteX7" fmla="*/ 11520423 w 11524496"/>
              <a:gd name="connsiteY7" fmla="*/ 918369 h 1203739"/>
              <a:gd name="connsiteX8" fmla="*/ 11520424 w 11524496"/>
              <a:gd name="connsiteY8" fmla="*/ 909525 h 1203739"/>
              <a:gd name="connsiteX9" fmla="*/ 9249210 w 11524496"/>
              <a:gd name="connsiteY9" fmla="*/ 731044 h 1203739"/>
              <a:gd name="connsiteX10" fmla="*/ 9116877 w 11524496"/>
              <a:gd name="connsiteY10" fmla="*/ 721711 h 1203739"/>
              <a:gd name="connsiteX11" fmla="*/ 9116878 w 11524496"/>
              <a:gd name="connsiteY11" fmla="*/ 728821 h 1203739"/>
              <a:gd name="connsiteX12" fmla="*/ 9116397 w 11524496"/>
              <a:gd name="connsiteY12" fmla="*/ 728821 h 1203739"/>
              <a:gd name="connsiteX13" fmla="*/ 9116396 w 11524496"/>
              <a:gd name="connsiteY13" fmla="*/ 721677 h 1203739"/>
              <a:gd name="connsiteX14" fmla="*/ 9115486 w 11524496"/>
              <a:gd name="connsiteY14" fmla="*/ 721613 h 1203739"/>
              <a:gd name="connsiteX15" fmla="*/ 117856 w 11524496"/>
              <a:gd name="connsiteY15" fmla="*/ 1203325 h 1203739"/>
              <a:gd name="connsiteX16" fmla="*/ 3 w 11524496"/>
              <a:gd name="connsiteY16" fmla="*/ 1203325 h 1203739"/>
              <a:gd name="connsiteX17" fmla="*/ 3 w 11524496"/>
              <a:gd name="connsiteY17" fmla="*/ 1203739 h 1203739"/>
              <a:gd name="connsiteX18" fmla="*/ 0 w 11524496"/>
              <a:gd name="connsiteY18" fmla="*/ 1203739 h 1203739"/>
              <a:gd name="connsiteX19" fmla="*/ 0 w 11524496"/>
              <a:gd name="connsiteY19" fmla="*/ 1162389 h 1203739"/>
              <a:gd name="connsiteX20" fmla="*/ 1 w 11524496"/>
              <a:gd name="connsiteY20" fmla="*/ 1177454 h 1203739"/>
              <a:gd name="connsiteX21" fmla="*/ 1 w 11524496"/>
              <a:gd name="connsiteY21" fmla="*/ 1162389 h 1203739"/>
              <a:gd name="connsiteX22" fmla="*/ 0 w 11524496"/>
              <a:gd name="connsiteY22" fmla="*/ 1162389 h 12037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11524496" h="1203739">
                <a:moveTo>
                  <a:pt x="0" y="0"/>
                </a:moveTo>
                <a:lnTo>
                  <a:pt x="11524496" y="0"/>
                </a:lnTo>
                <a:lnTo>
                  <a:pt x="11524496" y="1203739"/>
                </a:lnTo>
                <a:lnTo>
                  <a:pt x="11521131" y="1203739"/>
                </a:lnTo>
                <a:lnTo>
                  <a:pt x="11520937" y="891268"/>
                </a:lnTo>
                <a:lnTo>
                  <a:pt x="11520489" y="891236"/>
                </a:lnTo>
                <a:lnTo>
                  <a:pt x="11520489" y="918369"/>
                </a:lnTo>
                <a:lnTo>
                  <a:pt x="11520423" y="918369"/>
                </a:lnTo>
                <a:lnTo>
                  <a:pt x="11520424" y="909525"/>
                </a:lnTo>
                <a:lnTo>
                  <a:pt x="9249210" y="731044"/>
                </a:lnTo>
                <a:lnTo>
                  <a:pt x="9116877" y="721711"/>
                </a:lnTo>
                <a:lnTo>
                  <a:pt x="9116878" y="728821"/>
                </a:lnTo>
                <a:lnTo>
                  <a:pt x="9116397" y="728821"/>
                </a:lnTo>
                <a:lnTo>
                  <a:pt x="9116396" y="721677"/>
                </a:lnTo>
                <a:lnTo>
                  <a:pt x="9115486" y="721613"/>
                </a:lnTo>
                <a:lnTo>
                  <a:pt x="117856" y="1203325"/>
                </a:lnTo>
                <a:lnTo>
                  <a:pt x="3" y="1203325"/>
                </a:lnTo>
                <a:lnTo>
                  <a:pt x="3" y="1203739"/>
                </a:lnTo>
                <a:lnTo>
                  <a:pt x="0" y="1203739"/>
                </a:lnTo>
                <a:lnTo>
                  <a:pt x="0" y="1162389"/>
                </a:lnTo>
                <a:lnTo>
                  <a:pt x="1" y="1177454"/>
                </a:lnTo>
                <a:lnTo>
                  <a:pt x="1" y="1162389"/>
                </a:lnTo>
                <a:lnTo>
                  <a:pt x="0" y="1162389"/>
                </a:lnTo>
                <a:close/>
              </a:path>
            </a:pathLst>
          </a:cu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 err="1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D32793C8-34B0-4EE8-A2F3-FF05A771B62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3046258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uden overskrif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 6">
            <a:extLst>
              <a:ext uri="{FF2B5EF4-FFF2-40B4-BE49-F238E27FC236}">
                <a16:creationId xmlns:a16="http://schemas.microsoft.com/office/drawing/2014/main" id="{BBC91F07-0D2F-E944-AD40-1C797C06E5D1}"/>
              </a:ext>
            </a:extLst>
          </p:cNvPr>
          <p:cNvSpPr/>
          <p:nvPr userDrawn="1"/>
        </p:nvSpPr>
        <p:spPr>
          <a:xfrm>
            <a:off x="-1" y="763635"/>
            <a:ext cx="12193066" cy="6094365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4496" h="6500326">
                <a:moveTo>
                  <a:pt x="0" y="542140"/>
                </a:moveTo>
                <a:lnTo>
                  <a:pt x="9114809" y="0"/>
                </a:lnTo>
                <a:lnTo>
                  <a:pt x="11520937" y="208706"/>
                </a:lnTo>
                <a:cubicBezTo>
                  <a:pt x="11518820" y="2311792"/>
                  <a:pt x="11526229" y="4397240"/>
                  <a:pt x="11524112" y="6500326"/>
                </a:cubicBezTo>
                <a:lnTo>
                  <a:pt x="331" y="6495386"/>
                </a:lnTo>
                <a:cubicBezTo>
                  <a:pt x="221" y="4509795"/>
                  <a:pt x="110" y="2527731"/>
                  <a:pt x="0" y="54214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512A1D8-511C-47DA-9028-500B34260BF1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1409571"/>
            <a:ext cx="10851866" cy="4194803"/>
          </a:xfrm>
        </p:spPr>
        <p:txBody>
          <a:bodyPr/>
          <a:lstStyle>
            <a:lvl1pPr>
              <a:defRPr>
                <a:latin typeface="Open Sans Light" panose="020B0306030504020204" pitchFamily="34" charset="0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  <a:lvl2pPr>
              <a:defRPr>
                <a:latin typeface="Open Sans Light" panose="020B0306030504020204" pitchFamily="34" charset="0"/>
                <a:ea typeface="Open Sans Light" panose="020B0306030504020204" pitchFamily="34" charset="0"/>
                <a:cs typeface="Open Sans Light" panose="020B0306030504020204" pitchFamily="34" charset="0"/>
              </a:defRPr>
            </a:lvl2pPr>
            <a:lvl3pPr>
              <a:defRPr>
                <a:latin typeface="Open Sans Light" panose="020B0306030504020204" pitchFamily="34" charset="0"/>
                <a:ea typeface="Open Sans Light" panose="020B0306030504020204" pitchFamily="34" charset="0"/>
                <a:cs typeface="Open Sans Light" panose="020B0306030504020204" pitchFamily="34" charset="0"/>
              </a:defRPr>
            </a:lvl3pPr>
            <a:lvl4pPr>
              <a:defRPr>
                <a:latin typeface="Open Sans Light" panose="020B0306030504020204" pitchFamily="34" charset="0"/>
                <a:ea typeface="Open Sans Light" panose="020B0306030504020204" pitchFamily="34" charset="0"/>
                <a:cs typeface="Open Sans Light" panose="020B0306030504020204" pitchFamily="34" charset="0"/>
              </a:defRPr>
            </a:lvl4pPr>
            <a:lvl5pPr>
              <a:defRPr>
                <a:latin typeface="Open Sans Light" panose="020B0306030504020204" pitchFamily="34" charset="0"/>
                <a:ea typeface="Open Sans Light" panose="020B0306030504020204" pitchFamily="34" charset="0"/>
                <a:cs typeface="Open Sans Light" panose="020B0306030504020204" pitchFamily="34" charset="0"/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6" name="Freeform: Shape 5">
            <a:extLst>
              <a:ext uri="{FF2B5EF4-FFF2-40B4-BE49-F238E27FC236}">
                <a16:creationId xmlns:a16="http://schemas.microsoft.com/office/drawing/2014/main" id="{F4EDE48B-E5C0-4AD6-ACE2-B68EFD58B4A8}"/>
              </a:ext>
            </a:extLst>
          </p:cNvPr>
          <p:cNvSpPr/>
          <p:nvPr userDrawn="1"/>
        </p:nvSpPr>
        <p:spPr>
          <a:xfrm>
            <a:off x="-985" y="5710376"/>
            <a:ext cx="12195954" cy="1149358"/>
          </a:xfrm>
          <a:custGeom>
            <a:avLst/>
            <a:gdLst>
              <a:gd name="connsiteX0" fmla="*/ 9036365 w 11527226"/>
              <a:gd name="connsiteY0" fmla="*/ 0 h 1086037"/>
              <a:gd name="connsiteX1" fmla="*/ 11525043 w 11527226"/>
              <a:gd name="connsiteY1" fmla="*/ 181509 h 1086037"/>
              <a:gd name="connsiteX2" fmla="*/ 11525675 w 11527226"/>
              <a:gd name="connsiteY2" fmla="*/ 1079814 h 1086037"/>
              <a:gd name="connsiteX3" fmla="*/ 11525625 w 11527226"/>
              <a:gd name="connsiteY3" fmla="*/ 1086037 h 1086037"/>
              <a:gd name="connsiteX4" fmla="*/ 22 w 11527226"/>
              <a:gd name="connsiteY4" fmla="*/ 1086037 h 1086037"/>
              <a:gd name="connsiteX5" fmla="*/ 0 w 11527226"/>
              <a:gd name="connsiteY5" fmla="*/ 1060892 h 1086037"/>
              <a:gd name="connsiteX6" fmla="*/ 931 w 11527226"/>
              <a:gd name="connsiteY6" fmla="*/ 516561 h 1086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1527226" h="1086037">
                <a:moveTo>
                  <a:pt x="9036365" y="0"/>
                </a:moveTo>
                <a:lnTo>
                  <a:pt x="11525043" y="181509"/>
                </a:lnTo>
                <a:cubicBezTo>
                  <a:pt x="11526035" y="572106"/>
                  <a:pt x="11529037" y="638215"/>
                  <a:pt x="11525675" y="1079814"/>
                </a:cubicBezTo>
                <a:lnTo>
                  <a:pt x="11525625" y="1086037"/>
                </a:lnTo>
                <a:lnTo>
                  <a:pt x="22" y="1086037"/>
                </a:lnTo>
                <a:lnTo>
                  <a:pt x="0" y="1060892"/>
                </a:lnTo>
                <a:cubicBezTo>
                  <a:pt x="252" y="833050"/>
                  <a:pt x="3408" y="775614"/>
                  <a:pt x="931" y="516561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3A3F2A2-3BC0-43CC-B7C9-BF3CF48D955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76920" y="5813810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79045140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uden overskrif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4512A1D8-511C-47DA-9028-500B34260BF1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1409571"/>
            <a:ext cx="10851866" cy="4947772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137037601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i to spalt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 6">
            <a:extLst>
              <a:ext uri="{FF2B5EF4-FFF2-40B4-BE49-F238E27FC236}">
                <a16:creationId xmlns:a16="http://schemas.microsoft.com/office/drawing/2014/main" id="{BBC91F07-0D2F-E944-AD40-1C797C06E5D1}"/>
              </a:ext>
            </a:extLst>
          </p:cNvPr>
          <p:cNvSpPr/>
          <p:nvPr userDrawn="1"/>
        </p:nvSpPr>
        <p:spPr>
          <a:xfrm>
            <a:off x="-1" y="763635"/>
            <a:ext cx="12193066" cy="6094365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4496" h="6500326">
                <a:moveTo>
                  <a:pt x="0" y="542140"/>
                </a:moveTo>
                <a:lnTo>
                  <a:pt x="9114809" y="0"/>
                </a:lnTo>
                <a:lnTo>
                  <a:pt x="11520937" y="208706"/>
                </a:lnTo>
                <a:cubicBezTo>
                  <a:pt x="11518820" y="2311792"/>
                  <a:pt x="11526229" y="4397240"/>
                  <a:pt x="11524112" y="6500326"/>
                </a:cubicBezTo>
                <a:lnTo>
                  <a:pt x="331" y="6495386"/>
                </a:lnTo>
                <a:cubicBezTo>
                  <a:pt x="221" y="4509795"/>
                  <a:pt x="110" y="2527731"/>
                  <a:pt x="0" y="54214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832245-E3F1-4A6B-B99F-212622FA10B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75CD19E-FC03-48E4-9927-51BF6EA2B54E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3039228"/>
            <a:ext cx="5332385" cy="3318116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6D4765C-044E-4BC0-AA33-BCAAC9672794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6133655" y="3039228"/>
            <a:ext cx="5332945" cy="3318116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9" name="Freeform: Shape 8">
            <a:extLst>
              <a:ext uri="{FF2B5EF4-FFF2-40B4-BE49-F238E27FC236}">
                <a16:creationId xmlns:a16="http://schemas.microsoft.com/office/drawing/2014/main" id="{C02E0ADC-D557-455B-AC53-12CB6A7FB3AE}"/>
              </a:ext>
            </a:extLst>
          </p:cNvPr>
          <p:cNvSpPr/>
          <p:nvPr userDrawn="1"/>
        </p:nvSpPr>
        <p:spPr>
          <a:xfrm>
            <a:off x="-1" y="0"/>
            <a:ext cx="12193066" cy="1273923"/>
          </a:xfrm>
          <a:custGeom>
            <a:avLst/>
            <a:gdLst>
              <a:gd name="connsiteX0" fmla="*/ 0 w 11524496"/>
              <a:gd name="connsiteY0" fmla="*/ 0 h 1203739"/>
              <a:gd name="connsiteX1" fmla="*/ 11524496 w 11524496"/>
              <a:gd name="connsiteY1" fmla="*/ 0 h 1203739"/>
              <a:gd name="connsiteX2" fmla="*/ 11524496 w 11524496"/>
              <a:gd name="connsiteY2" fmla="*/ 1203739 h 1203739"/>
              <a:gd name="connsiteX3" fmla="*/ 11521131 w 11524496"/>
              <a:gd name="connsiteY3" fmla="*/ 1203739 h 1203739"/>
              <a:gd name="connsiteX4" fmla="*/ 11520937 w 11524496"/>
              <a:gd name="connsiteY4" fmla="*/ 891268 h 1203739"/>
              <a:gd name="connsiteX5" fmla="*/ 11520489 w 11524496"/>
              <a:gd name="connsiteY5" fmla="*/ 891236 h 1203739"/>
              <a:gd name="connsiteX6" fmla="*/ 11520489 w 11524496"/>
              <a:gd name="connsiteY6" fmla="*/ 918369 h 1203739"/>
              <a:gd name="connsiteX7" fmla="*/ 11520423 w 11524496"/>
              <a:gd name="connsiteY7" fmla="*/ 918369 h 1203739"/>
              <a:gd name="connsiteX8" fmla="*/ 11520424 w 11524496"/>
              <a:gd name="connsiteY8" fmla="*/ 909525 h 1203739"/>
              <a:gd name="connsiteX9" fmla="*/ 9249210 w 11524496"/>
              <a:gd name="connsiteY9" fmla="*/ 731044 h 1203739"/>
              <a:gd name="connsiteX10" fmla="*/ 9116877 w 11524496"/>
              <a:gd name="connsiteY10" fmla="*/ 721711 h 1203739"/>
              <a:gd name="connsiteX11" fmla="*/ 9116878 w 11524496"/>
              <a:gd name="connsiteY11" fmla="*/ 728821 h 1203739"/>
              <a:gd name="connsiteX12" fmla="*/ 9116397 w 11524496"/>
              <a:gd name="connsiteY12" fmla="*/ 728821 h 1203739"/>
              <a:gd name="connsiteX13" fmla="*/ 9116396 w 11524496"/>
              <a:gd name="connsiteY13" fmla="*/ 721677 h 1203739"/>
              <a:gd name="connsiteX14" fmla="*/ 9115486 w 11524496"/>
              <a:gd name="connsiteY14" fmla="*/ 721613 h 1203739"/>
              <a:gd name="connsiteX15" fmla="*/ 117856 w 11524496"/>
              <a:gd name="connsiteY15" fmla="*/ 1203325 h 1203739"/>
              <a:gd name="connsiteX16" fmla="*/ 3 w 11524496"/>
              <a:gd name="connsiteY16" fmla="*/ 1203325 h 1203739"/>
              <a:gd name="connsiteX17" fmla="*/ 3 w 11524496"/>
              <a:gd name="connsiteY17" fmla="*/ 1203739 h 1203739"/>
              <a:gd name="connsiteX18" fmla="*/ 0 w 11524496"/>
              <a:gd name="connsiteY18" fmla="*/ 1203739 h 1203739"/>
              <a:gd name="connsiteX19" fmla="*/ 0 w 11524496"/>
              <a:gd name="connsiteY19" fmla="*/ 1162389 h 1203739"/>
              <a:gd name="connsiteX20" fmla="*/ 1 w 11524496"/>
              <a:gd name="connsiteY20" fmla="*/ 1177454 h 1203739"/>
              <a:gd name="connsiteX21" fmla="*/ 1 w 11524496"/>
              <a:gd name="connsiteY21" fmla="*/ 1162389 h 1203739"/>
              <a:gd name="connsiteX22" fmla="*/ 0 w 11524496"/>
              <a:gd name="connsiteY22" fmla="*/ 1162389 h 12037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11524496" h="1203739">
                <a:moveTo>
                  <a:pt x="0" y="0"/>
                </a:moveTo>
                <a:lnTo>
                  <a:pt x="11524496" y="0"/>
                </a:lnTo>
                <a:lnTo>
                  <a:pt x="11524496" y="1203739"/>
                </a:lnTo>
                <a:lnTo>
                  <a:pt x="11521131" y="1203739"/>
                </a:lnTo>
                <a:lnTo>
                  <a:pt x="11520937" y="891268"/>
                </a:lnTo>
                <a:lnTo>
                  <a:pt x="11520489" y="891236"/>
                </a:lnTo>
                <a:lnTo>
                  <a:pt x="11520489" y="918369"/>
                </a:lnTo>
                <a:lnTo>
                  <a:pt x="11520423" y="918369"/>
                </a:lnTo>
                <a:lnTo>
                  <a:pt x="11520424" y="909525"/>
                </a:lnTo>
                <a:lnTo>
                  <a:pt x="9249210" y="731044"/>
                </a:lnTo>
                <a:lnTo>
                  <a:pt x="9116877" y="721711"/>
                </a:lnTo>
                <a:lnTo>
                  <a:pt x="9116878" y="728821"/>
                </a:lnTo>
                <a:lnTo>
                  <a:pt x="9116397" y="728821"/>
                </a:lnTo>
                <a:lnTo>
                  <a:pt x="9116396" y="721677"/>
                </a:lnTo>
                <a:lnTo>
                  <a:pt x="9115486" y="721613"/>
                </a:lnTo>
                <a:lnTo>
                  <a:pt x="117856" y="1203325"/>
                </a:lnTo>
                <a:lnTo>
                  <a:pt x="3" y="1203325"/>
                </a:lnTo>
                <a:lnTo>
                  <a:pt x="3" y="1203739"/>
                </a:lnTo>
                <a:lnTo>
                  <a:pt x="0" y="1203739"/>
                </a:lnTo>
                <a:lnTo>
                  <a:pt x="0" y="1162389"/>
                </a:lnTo>
                <a:lnTo>
                  <a:pt x="1" y="1177454"/>
                </a:lnTo>
                <a:lnTo>
                  <a:pt x="1" y="1162389"/>
                </a:lnTo>
                <a:lnTo>
                  <a:pt x="0" y="1162389"/>
                </a:lnTo>
                <a:close/>
              </a:path>
            </a:pathLst>
          </a:cu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 err="1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F7B8FFA1-07FC-4D2C-B928-CF85EDD0032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562143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i to spalt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 6">
            <a:extLst>
              <a:ext uri="{FF2B5EF4-FFF2-40B4-BE49-F238E27FC236}">
                <a16:creationId xmlns:a16="http://schemas.microsoft.com/office/drawing/2014/main" id="{BBC91F07-0D2F-E944-AD40-1C797C06E5D1}"/>
              </a:ext>
            </a:extLst>
          </p:cNvPr>
          <p:cNvSpPr/>
          <p:nvPr userDrawn="1"/>
        </p:nvSpPr>
        <p:spPr>
          <a:xfrm>
            <a:off x="-1" y="763635"/>
            <a:ext cx="12193066" cy="6094365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4496" h="6500326">
                <a:moveTo>
                  <a:pt x="0" y="542140"/>
                </a:moveTo>
                <a:lnTo>
                  <a:pt x="9114809" y="0"/>
                </a:lnTo>
                <a:lnTo>
                  <a:pt x="11520937" y="208706"/>
                </a:lnTo>
                <a:cubicBezTo>
                  <a:pt x="11518820" y="2311792"/>
                  <a:pt x="11526229" y="4397240"/>
                  <a:pt x="11524112" y="6500326"/>
                </a:cubicBezTo>
                <a:lnTo>
                  <a:pt x="331" y="6495386"/>
                </a:lnTo>
                <a:cubicBezTo>
                  <a:pt x="221" y="4509795"/>
                  <a:pt x="110" y="2527731"/>
                  <a:pt x="0" y="54214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295C5DC-9F61-4E32-B0BC-ED6D481CEE1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75CD19E-FC03-48E4-9927-51BF6EA2B54E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3039228"/>
            <a:ext cx="5332385" cy="2565144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6D4765C-044E-4BC0-AA33-BCAAC9672794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6133655" y="3039228"/>
            <a:ext cx="5332945" cy="2565144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8C681528-4E68-4ED9-AE8C-ED7AA733097C}"/>
              </a:ext>
            </a:extLst>
          </p:cNvPr>
          <p:cNvSpPr/>
          <p:nvPr userDrawn="1"/>
        </p:nvSpPr>
        <p:spPr>
          <a:xfrm>
            <a:off x="-985" y="5710376"/>
            <a:ext cx="12195954" cy="1149358"/>
          </a:xfrm>
          <a:custGeom>
            <a:avLst/>
            <a:gdLst>
              <a:gd name="connsiteX0" fmla="*/ 9036365 w 11527226"/>
              <a:gd name="connsiteY0" fmla="*/ 0 h 1086037"/>
              <a:gd name="connsiteX1" fmla="*/ 11525043 w 11527226"/>
              <a:gd name="connsiteY1" fmla="*/ 181509 h 1086037"/>
              <a:gd name="connsiteX2" fmla="*/ 11525675 w 11527226"/>
              <a:gd name="connsiteY2" fmla="*/ 1079814 h 1086037"/>
              <a:gd name="connsiteX3" fmla="*/ 11525625 w 11527226"/>
              <a:gd name="connsiteY3" fmla="*/ 1086037 h 1086037"/>
              <a:gd name="connsiteX4" fmla="*/ 22 w 11527226"/>
              <a:gd name="connsiteY4" fmla="*/ 1086037 h 1086037"/>
              <a:gd name="connsiteX5" fmla="*/ 0 w 11527226"/>
              <a:gd name="connsiteY5" fmla="*/ 1060892 h 1086037"/>
              <a:gd name="connsiteX6" fmla="*/ 931 w 11527226"/>
              <a:gd name="connsiteY6" fmla="*/ 516561 h 1086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1527226" h="1086037">
                <a:moveTo>
                  <a:pt x="9036365" y="0"/>
                </a:moveTo>
                <a:lnTo>
                  <a:pt x="11525043" y="181509"/>
                </a:lnTo>
                <a:cubicBezTo>
                  <a:pt x="11526035" y="572106"/>
                  <a:pt x="11529037" y="638215"/>
                  <a:pt x="11525675" y="1079814"/>
                </a:cubicBezTo>
                <a:lnTo>
                  <a:pt x="11525625" y="1086037"/>
                </a:lnTo>
                <a:lnTo>
                  <a:pt x="22" y="1086037"/>
                </a:lnTo>
                <a:lnTo>
                  <a:pt x="0" y="1060892"/>
                </a:lnTo>
                <a:cubicBezTo>
                  <a:pt x="252" y="833050"/>
                  <a:pt x="3408" y="775614"/>
                  <a:pt x="931" y="516561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78DC050D-D22A-4D10-A199-DD38197821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76920" y="5813810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807452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i to spalt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2FE32A1-5A9B-4401-B280-EE922E76D03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75CD19E-FC03-48E4-9927-51BF6EA2B54E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3039227"/>
            <a:ext cx="5332385" cy="3318115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6D4765C-044E-4BC0-AA33-BCAAC9672794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6133655" y="3039227"/>
            <a:ext cx="5332945" cy="3318115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1877817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slide, baggrundsbillede med bro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523603" y="1409570"/>
            <a:ext cx="9141619" cy="1490541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algn="ctr">
              <a:defRPr sz="4867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523603" y="3045947"/>
            <a:ext cx="9141619" cy="1655762"/>
          </a:xfrm>
          <a:prstGeom prst="rect">
            <a:avLst/>
          </a:prstGeom>
        </p:spPr>
        <p:txBody>
          <a:bodyPr anchor="ctr" anchorCtr="0"/>
          <a:lstStyle>
            <a:lvl1pPr marL="0" indent="0" algn="ctr">
              <a:buNone/>
              <a:defRPr sz="2751" b="0" i="0">
                <a:solidFill>
                  <a:schemeClr val="tx1"/>
                </a:solidFill>
                <a:latin typeface="+mn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  <a:lvl2pPr marL="457064" indent="0" algn="ctr">
              <a:buNone/>
              <a:defRPr sz="2000"/>
            </a:lvl2pPr>
            <a:lvl3pPr marL="914130" indent="0" algn="ctr">
              <a:buNone/>
              <a:defRPr sz="1800"/>
            </a:lvl3pPr>
            <a:lvl4pPr marL="1371194" indent="0" algn="ctr">
              <a:buNone/>
              <a:defRPr sz="1600"/>
            </a:lvl4pPr>
            <a:lvl5pPr marL="1828259" indent="0" algn="ctr">
              <a:buNone/>
              <a:defRPr sz="1600"/>
            </a:lvl5pPr>
            <a:lvl6pPr marL="2285323" indent="0" algn="ctr">
              <a:buNone/>
              <a:defRPr sz="1600"/>
            </a:lvl6pPr>
            <a:lvl7pPr marL="2742389" indent="0" algn="ctr">
              <a:buNone/>
              <a:defRPr sz="1600"/>
            </a:lvl7pPr>
            <a:lvl8pPr marL="3199453" indent="0" algn="ctr">
              <a:buNone/>
              <a:defRPr sz="1600"/>
            </a:lvl8pPr>
            <a:lvl9pPr marL="3656518" indent="0" algn="ctr">
              <a:buNone/>
              <a:defRPr sz="1600"/>
            </a:lvl9pPr>
          </a:lstStyle>
          <a:p>
            <a:r>
              <a:rPr lang="da-DK" dirty="0"/>
              <a:t>Klik for at tilføje undertitel</a:t>
            </a:r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25FE852E-492C-4201-9654-97E4D541FB9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0471" y="68578"/>
            <a:ext cx="1813011" cy="1032482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6"/>
            </a:lvl1pPr>
          </a:lstStyle>
          <a:p>
            <a:pPr lvl="0"/>
            <a:r>
              <a:rPr lang="da-DK" dirty="0"/>
              <a:t>.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4AE9B7E-B600-4FF6-ACE5-F25A40792B0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alphaModFix amt="50000"/>
          </a:blip>
          <a:stretch>
            <a:fillRect/>
          </a:stretch>
        </p:blipFill>
        <p:spPr>
          <a:xfrm>
            <a:off x="-1" y="0"/>
            <a:ext cx="12188825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3040081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i 2 spalter uden overskrif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 6">
            <a:extLst>
              <a:ext uri="{FF2B5EF4-FFF2-40B4-BE49-F238E27FC236}">
                <a16:creationId xmlns:a16="http://schemas.microsoft.com/office/drawing/2014/main" id="{BBC91F07-0D2F-E944-AD40-1C797C06E5D1}"/>
              </a:ext>
            </a:extLst>
          </p:cNvPr>
          <p:cNvSpPr/>
          <p:nvPr userDrawn="1"/>
        </p:nvSpPr>
        <p:spPr>
          <a:xfrm>
            <a:off x="-1" y="763635"/>
            <a:ext cx="12193066" cy="6094365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4496" h="6500326">
                <a:moveTo>
                  <a:pt x="0" y="542140"/>
                </a:moveTo>
                <a:lnTo>
                  <a:pt x="9114809" y="0"/>
                </a:lnTo>
                <a:lnTo>
                  <a:pt x="11520937" y="208706"/>
                </a:lnTo>
                <a:cubicBezTo>
                  <a:pt x="11518820" y="2311792"/>
                  <a:pt x="11526229" y="4397240"/>
                  <a:pt x="11524112" y="6500326"/>
                </a:cubicBezTo>
                <a:lnTo>
                  <a:pt x="331" y="6495386"/>
                </a:lnTo>
                <a:cubicBezTo>
                  <a:pt x="221" y="4509795"/>
                  <a:pt x="110" y="2527731"/>
                  <a:pt x="0" y="54214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D0C0B15-23D0-4677-97D7-43EEDAA1625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1409570"/>
            <a:ext cx="5331036" cy="4947165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6FC8B95-539C-4B5D-A49D-D511FE3698A7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6133883" y="1409570"/>
            <a:ext cx="5331036" cy="4947165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8" name="Freeform: Shape 7">
            <a:extLst>
              <a:ext uri="{FF2B5EF4-FFF2-40B4-BE49-F238E27FC236}">
                <a16:creationId xmlns:a16="http://schemas.microsoft.com/office/drawing/2014/main" id="{881D7E33-0D48-4997-BBCA-6ABDF9662BC9}"/>
              </a:ext>
            </a:extLst>
          </p:cNvPr>
          <p:cNvSpPr/>
          <p:nvPr userDrawn="1"/>
        </p:nvSpPr>
        <p:spPr>
          <a:xfrm>
            <a:off x="-1" y="0"/>
            <a:ext cx="12193066" cy="1273923"/>
          </a:xfrm>
          <a:custGeom>
            <a:avLst/>
            <a:gdLst>
              <a:gd name="connsiteX0" fmla="*/ 0 w 11524496"/>
              <a:gd name="connsiteY0" fmla="*/ 0 h 1203739"/>
              <a:gd name="connsiteX1" fmla="*/ 11524496 w 11524496"/>
              <a:gd name="connsiteY1" fmla="*/ 0 h 1203739"/>
              <a:gd name="connsiteX2" fmla="*/ 11524496 w 11524496"/>
              <a:gd name="connsiteY2" fmla="*/ 1203739 h 1203739"/>
              <a:gd name="connsiteX3" fmla="*/ 11521131 w 11524496"/>
              <a:gd name="connsiteY3" fmla="*/ 1203739 h 1203739"/>
              <a:gd name="connsiteX4" fmla="*/ 11520937 w 11524496"/>
              <a:gd name="connsiteY4" fmla="*/ 891268 h 1203739"/>
              <a:gd name="connsiteX5" fmla="*/ 11520489 w 11524496"/>
              <a:gd name="connsiteY5" fmla="*/ 891236 h 1203739"/>
              <a:gd name="connsiteX6" fmla="*/ 11520489 w 11524496"/>
              <a:gd name="connsiteY6" fmla="*/ 918369 h 1203739"/>
              <a:gd name="connsiteX7" fmla="*/ 11520423 w 11524496"/>
              <a:gd name="connsiteY7" fmla="*/ 918369 h 1203739"/>
              <a:gd name="connsiteX8" fmla="*/ 11520424 w 11524496"/>
              <a:gd name="connsiteY8" fmla="*/ 909525 h 1203739"/>
              <a:gd name="connsiteX9" fmla="*/ 9249210 w 11524496"/>
              <a:gd name="connsiteY9" fmla="*/ 731044 h 1203739"/>
              <a:gd name="connsiteX10" fmla="*/ 9116877 w 11524496"/>
              <a:gd name="connsiteY10" fmla="*/ 721711 h 1203739"/>
              <a:gd name="connsiteX11" fmla="*/ 9116878 w 11524496"/>
              <a:gd name="connsiteY11" fmla="*/ 728821 h 1203739"/>
              <a:gd name="connsiteX12" fmla="*/ 9116397 w 11524496"/>
              <a:gd name="connsiteY12" fmla="*/ 728821 h 1203739"/>
              <a:gd name="connsiteX13" fmla="*/ 9116396 w 11524496"/>
              <a:gd name="connsiteY13" fmla="*/ 721677 h 1203739"/>
              <a:gd name="connsiteX14" fmla="*/ 9115486 w 11524496"/>
              <a:gd name="connsiteY14" fmla="*/ 721613 h 1203739"/>
              <a:gd name="connsiteX15" fmla="*/ 117856 w 11524496"/>
              <a:gd name="connsiteY15" fmla="*/ 1203325 h 1203739"/>
              <a:gd name="connsiteX16" fmla="*/ 3 w 11524496"/>
              <a:gd name="connsiteY16" fmla="*/ 1203325 h 1203739"/>
              <a:gd name="connsiteX17" fmla="*/ 3 w 11524496"/>
              <a:gd name="connsiteY17" fmla="*/ 1203739 h 1203739"/>
              <a:gd name="connsiteX18" fmla="*/ 0 w 11524496"/>
              <a:gd name="connsiteY18" fmla="*/ 1203739 h 1203739"/>
              <a:gd name="connsiteX19" fmla="*/ 0 w 11524496"/>
              <a:gd name="connsiteY19" fmla="*/ 1162389 h 1203739"/>
              <a:gd name="connsiteX20" fmla="*/ 1 w 11524496"/>
              <a:gd name="connsiteY20" fmla="*/ 1177454 h 1203739"/>
              <a:gd name="connsiteX21" fmla="*/ 1 w 11524496"/>
              <a:gd name="connsiteY21" fmla="*/ 1162389 h 1203739"/>
              <a:gd name="connsiteX22" fmla="*/ 0 w 11524496"/>
              <a:gd name="connsiteY22" fmla="*/ 1162389 h 12037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11524496" h="1203739">
                <a:moveTo>
                  <a:pt x="0" y="0"/>
                </a:moveTo>
                <a:lnTo>
                  <a:pt x="11524496" y="0"/>
                </a:lnTo>
                <a:lnTo>
                  <a:pt x="11524496" y="1203739"/>
                </a:lnTo>
                <a:lnTo>
                  <a:pt x="11521131" y="1203739"/>
                </a:lnTo>
                <a:lnTo>
                  <a:pt x="11520937" y="891268"/>
                </a:lnTo>
                <a:lnTo>
                  <a:pt x="11520489" y="891236"/>
                </a:lnTo>
                <a:lnTo>
                  <a:pt x="11520489" y="918369"/>
                </a:lnTo>
                <a:lnTo>
                  <a:pt x="11520423" y="918369"/>
                </a:lnTo>
                <a:lnTo>
                  <a:pt x="11520424" y="909525"/>
                </a:lnTo>
                <a:lnTo>
                  <a:pt x="9249210" y="731044"/>
                </a:lnTo>
                <a:lnTo>
                  <a:pt x="9116877" y="721711"/>
                </a:lnTo>
                <a:lnTo>
                  <a:pt x="9116878" y="728821"/>
                </a:lnTo>
                <a:lnTo>
                  <a:pt x="9116397" y="728821"/>
                </a:lnTo>
                <a:lnTo>
                  <a:pt x="9116396" y="721677"/>
                </a:lnTo>
                <a:lnTo>
                  <a:pt x="9115486" y="721613"/>
                </a:lnTo>
                <a:lnTo>
                  <a:pt x="117856" y="1203325"/>
                </a:lnTo>
                <a:lnTo>
                  <a:pt x="3" y="1203325"/>
                </a:lnTo>
                <a:lnTo>
                  <a:pt x="3" y="1203739"/>
                </a:lnTo>
                <a:lnTo>
                  <a:pt x="0" y="1203739"/>
                </a:lnTo>
                <a:lnTo>
                  <a:pt x="0" y="1162389"/>
                </a:lnTo>
                <a:lnTo>
                  <a:pt x="1" y="1177454"/>
                </a:lnTo>
                <a:lnTo>
                  <a:pt x="1" y="1162389"/>
                </a:lnTo>
                <a:lnTo>
                  <a:pt x="0" y="1162389"/>
                </a:lnTo>
                <a:close/>
              </a:path>
            </a:pathLst>
          </a:cu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 err="1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CB25C514-EAA1-4D6C-AFC7-38DAB62FA0F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056252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i 2 spalter uden overskrif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 6">
            <a:extLst>
              <a:ext uri="{FF2B5EF4-FFF2-40B4-BE49-F238E27FC236}">
                <a16:creationId xmlns:a16="http://schemas.microsoft.com/office/drawing/2014/main" id="{BBC91F07-0D2F-E944-AD40-1C797C06E5D1}"/>
              </a:ext>
            </a:extLst>
          </p:cNvPr>
          <p:cNvSpPr/>
          <p:nvPr userDrawn="1"/>
        </p:nvSpPr>
        <p:spPr>
          <a:xfrm>
            <a:off x="-1" y="763635"/>
            <a:ext cx="12193066" cy="6094365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4496" h="6500326">
                <a:moveTo>
                  <a:pt x="0" y="542140"/>
                </a:moveTo>
                <a:lnTo>
                  <a:pt x="9114809" y="0"/>
                </a:lnTo>
                <a:lnTo>
                  <a:pt x="11520937" y="208706"/>
                </a:lnTo>
                <a:cubicBezTo>
                  <a:pt x="11518820" y="2311792"/>
                  <a:pt x="11526229" y="4397240"/>
                  <a:pt x="11524112" y="6500326"/>
                </a:cubicBezTo>
                <a:lnTo>
                  <a:pt x="331" y="6495386"/>
                </a:lnTo>
                <a:cubicBezTo>
                  <a:pt x="221" y="4509795"/>
                  <a:pt x="110" y="2527731"/>
                  <a:pt x="0" y="54214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D0C0B15-23D0-4677-97D7-43EEDAA1625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1409571"/>
            <a:ext cx="5331036" cy="4194803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6FC8B95-539C-4B5D-A49D-D511FE3698A7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6133883" y="1409571"/>
            <a:ext cx="5331036" cy="4194803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364B7B47-CD19-4721-ACEC-0A330D94778A}"/>
              </a:ext>
            </a:extLst>
          </p:cNvPr>
          <p:cNvSpPr/>
          <p:nvPr userDrawn="1"/>
        </p:nvSpPr>
        <p:spPr>
          <a:xfrm>
            <a:off x="-985" y="5710376"/>
            <a:ext cx="12195954" cy="1149358"/>
          </a:xfrm>
          <a:custGeom>
            <a:avLst/>
            <a:gdLst>
              <a:gd name="connsiteX0" fmla="*/ 9036365 w 11527226"/>
              <a:gd name="connsiteY0" fmla="*/ 0 h 1086037"/>
              <a:gd name="connsiteX1" fmla="*/ 11525043 w 11527226"/>
              <a:gd name="connsiteY1" fmla="*/ 181509 h 1086037"/>
              <a:gd name="connsiteX2" fmla="*/ 11525675 w 11527226"/>
              <a:gd name="connsiteY2" fmla="*/ 1079814 h 1086037"/>
              <a:gd name="connsiteX3" fmla="*/ 11525625 w 11527226"/>
              <a:gd name="connsiteY3" fmla="*/ 1086037 h 1086037"/>
              <a:gd name="connsiteX4" fmla="*/ 22 w 11527226"/>
              <a:gd name="connsiteY4" fmla="*/ 1086037 h 1086037"/>
              <a:gd name="connsiteX5" fmla="*/ 0 w 11527226"/>
              <a:gd name="connsiteY5" fmla="*/ 1060892 h 1086037"/>
              <a:gd name="connsiteX6" fmla="*/ 931 w 11527226"/>
              <a:gd name="connsiteY6" fmla="*/ 516561 h 1086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1527226" h="1086037">
                <a:moveTo>
                  <a:pt x="9036365" y="0"/>
                </a:moveTo>
                <a:lnTo>
                  <a:pt x="11525043" y="181509"/>
                </a:lnTo>
                <a:cubicBezTo>
                  <a:pt x="11526035" y="572106"/>
                  <a:pt x="11529037" y="638215"/>
                  <a:pt x="11525675" y="1079814"/>
                </a:cubicBezTo>
                <a:lnTo>
                  <a:pt x="11525625" y="1086037"/>
                </a:lnTo>
                <a:lnTo>
                  <a:pt x="22" y="1086037"/>
                </a:lnTo>
                <a:lnTo>
                  <a:pt x="0" y="1060892"/>
                </a:lnTo>
                <a:cubicBezTo>
                  <a:pt x="252" y="833050"/>
                  <a:pt x="3408" y="775614"/>
                  <a:pt x="931" y="516561"/>
                </a:cubicBezTo>
                <a:close/>
              </a:path>
            </a:pathLst>
          </a:custGeom>
          <a:solidFill>
            <a:schemeClr val="bg1">
              <a:lumMod val="8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A8496287-28BA-44F7-A9A4-263FF084275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76920" y="5813810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4454853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i 2 spalter uden overskrif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D0C0B15-23D0-4677-97D7-43EEDAA1625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12000" y="1409571"/>
            <a:ext cx="5331036" cy="4947772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6FC8B95-539C-4B5D-A49D-D511FE3698A7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6133883" y="1409571"/>
            <a:ext cx="5331036" cy="4947772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da-DK" noProof="0" dirty="0"/>
              <a:t>Klik for at tilføje tekst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328445676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med logo og grå 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reeform: Shape 3">
            <a:extLst>
              <a:ext uri="{FF2B5EF4-FFF2-40B4-BE49-F238E27FC236}">
                <a16:creationId xmlns:a16="http://schemas.microsoft.com/office/drawing/2014/main" id="{F19B3F20-AC6B-4D96-A9ED-C49CDD27071D}"/>
              </a:ext>
            </a:extLst>
          </p:cNvPr>
          <p:cNvSpPr/>
          <p:nvPr userDrawn="1"/>
        </p:nvSpPr>
        <p:spPr>
          <a:xfrm>
            <a:off x="-1" y="0"/>
            <a:ext cx="12193066" cy="1273923"/>
          </a:xfrm>
          <a:custGeom>
            <a:avLst/>
            <a:gdLst>
              <a:gd name="connsiteX0" fmla="*/ 0 w 11524496"/>
              <a:gd name="connsiteY0" fmla="*/ 0 h 1203739"/>
              <a:gd name="connsiteX1" fmla="*/ 11524496 w 11524496"/>
              <a:gd name="connsiteY1" fmla="*/ 0 h 1203739"/>
              <a:gd name="connsiteX2" fmla="*/ 11524496 w 11524496"/>
              <a:gd name="connsiteY2" fmla="*/ 1203739 h 1203739"/>
              <a:gd name="connsiteX3" fmla="*/ 11521131 w 11524496"/>
              <a:gd name="connsiteY3" fmla="*/ 1203739 h 1203739"/>
              <a:gd name="connsiteX4" fmla="*/ 11520937 w 11524496"/>
              <a:gd name="connsiteY4" fmla="*/ 891268 h 1203739"/>
              <a:gd name="connsiteX5" fmla="*/ 11520489 w 11524496"/>
              <a:gd name="connsiteY5" fmla="*/ 891236 h 1203739"/>
              <a:gd name="connsiteX6" fmla="*/ 11520489 w 11524496"/>
              <a:gd name="connsiteY6" fmla="*/ 918369 h 1203739"/>
              <a:gd name="connsiteX7" fmla="*/ 11520423 w 11524496"/>
              <a:gd name="connsiteY7" fmla="*/ 918369 h 1203739"/>
              <a:gd name="connsiteX8" fmla="*/ 11520424 w 11524496"/>
              <a:gd name="connsiteY8" fmla="*/ 909525 h 1203739"/>
              <a:gd name="connsiteX9" fmla="*/ 9249210 w 11524496"/>
              <a:gd name="connsiteY9" fmla="*/ 731044 h 1203739"/>
              <a:gd name="connsiteX10" fmla="*/ 9116877 w 11524496"/>
              <a:gd name="connsiteY10" fmla="*/ 721711 h 1203739"/>
              <a:gd name="connsiteX11" fmla="*/ 9116878 w 11524496"/>
              <a:gd name="connsiteY11" fmla="*/ 728821 h 1203739"/>
              <a:gd name="connsiteX12" fmla="*/ 9116397 w 11524496"/>
              <a:gd name="connsiteY12" fmla="*/ 728821 h 1203739"/>
              <a:gd name="connsiteX13" fmla="*/ 9116396 w 11524496"/>
              <a:gd name="connsiteY13" fmla="*/ 721677 h 1203739"/>
              <a:gd name="connsiteX14" fmla="*/ 9115486 w 11524496"/>
              <a:gd name="connsiteY14" fmla="*/ 721613 h 1203739"/>
              <a:gd name="connsiteX15" fmla="*/ 117856 w 11524496"/>
              <a:gd name="connsiteY15" fmla="*/ 1203325 h 1203739"/>
              <a:gd name="connsiteX16" fmla="*/ 3 w 11524496"/>
              <a:gd name="connsiteY16" fmla="*/ 1203325 h 1203739"/>
              <a:gd name="connsiteX17" fmla="*/ 3 w 11524496"/>
              <a:gd name="connsiteY17" fmla="*/ 1203739 h 1203739"/>
              <a:gd name="connsiteX18" fmla="*/ 0 w 11524496"/>
              <a:gd name="connsiteY18" fmla="*/ 1203739 h 1203739"/>
              <a:gd name="connsiteX19" fmla="*/ 0 w 11524496"/>
              <a:gd name="connsiteY19" fmla="*/ 1162389 h 1203739"/>
              <a:gd name="connsiteX20" fmla="*/ 1 w 11524496"/>
              <a:gd name="connsiteY20" fmla="*/ 1177454 h 1203739"/>
              <a:gd name="connsiteX21" fmla="*/ 1 w 11524496"/>
              <a:gd name="connsiteY21" fmla="*/ 1162389 h 1203739"/>
              <a:gd name="connsiteX22" fmla="*/ 0 w 11524496"/>
              <a:gd name="connsiteY22" fmla="*/ 1162389 h 12037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11524496" h="1203739">
                <a:moveTo>
                  <a:pt x="0" y="0"/>
                </a:moveTo>
                <a:lnTo>
                  <a:pt x="11524496" y="0"/>
                </a:lnTo>
                <a:lnTo>
                  <a:pt x="11524496" y="1203739"/>
                </a:lnTo>
                <a:lnTo>
                  <a:pt x="11521131" y="1203739"/>
                </a:lnTo>
                <a:lnTo>
                  <a:pt x="11520937" y="891268"/>
                </a:lnTo>
                <a:lnTo>
                  <a:pt x="11520489" y="891236"/>
                </a:lnTo>
                <a:lnTo>
                  <a:pt x="11520489" y="918369"/>
                </a:lnTo>
                <a:lnTo>
                  <a:pt x="11520423" y="918369"/>
                </a:lnTo>
                <a:lnTo>
                  <a:pt x="11520424" y="909525"/>
                </a:lnTo>
                <a:lnTo>
                  <a:pt x="9249210" y="731044"/>
                </a:lnTo>
                <a:lnTo>
                  <a:pt x="9116877" y="721711"/>
                </a:lnTo>
                <a:lnTo>
                  <a:pt x="9116878" y="728821"/>
                </a:lnTo>
                <a:lnTo>
                  <a:pt x="9116397" y="728821"/>
                </a:lnTo>
                <a:lnTo>
                  <a:pt x="9116396" y="721677"/>
                </a:lnTo>
                <a:lnTo>
                  <a:pt x="9115486" y="721613"/>
                </a:lnTo>
                <a:lnTo>
                  <a:pt x="117856" y="1203325"/>
                </a:lnTo>
                <a:lnTo>
                  <a:pt x="3" y="1203325"/>
                </a:lnTo>
                <a:lnTo>
                  <a:pt x="3" y="1203739"/>
                </a:lnTo>
                <a:lnTo>
                  <a:pt x="0" y="1203739"/>
                </a:lnTo>
                <a:lnTo>
                  <a:pt x="0" y="1162389"/>
                </a:lnTo>
                <a:lnTo>
                  <a:pt x="1" y="1177454"/>
                </a:lnTo>
                <a:lnTo>
                  <a:pt x="1" y="1162389"/>
                </a:lnTo>
                <a:lnTo>
                  <a:pt x="0" y="1162389"/>
                </a:lnTo>
                <a:close/>
              </a:path>
            </a:pathLst>
          </a:cu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 err="1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A7ECB50-1C80-438A-B7F6-14F0972F039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35486815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0062170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-slide, rød m.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7A174AC2-DCA5-416D-A03C-EF55FF84DFBA}"/>
              </a:ext>
            </a:extLst>
          </p:cNvPr>
          <p:cNvPicPr>
            <a:picLocks/>
          </p:cNvPicPr>
          <p:nvPr userDrawn="1"/>
        </p:nvPicPr>
        <p:blipFill rotWithShape="1">
          <a:blip r:embed="rId2"/>
          <a:srcRect t="28" b="28"/>
          <a:stretch/>
        </p:blipFill>
        <p:spPr>
          <a:xfrm>
            <a:off x="0" y="1"/>
            <a:ext cx="12188825" cy="6858000"/>
          </a:xfrm>
          <a:custGeom>
            <a:avLst/>
            <a:gdLst>
              <a:gd name="connsiteX0" fmla="*/ 0 w 12188825"/>
              <a:gd name="connsiteY0" fmla="*/ 0 h 6858000"/>
              <a:gd name="connsiteX1" fmla="*/ 12188825 w 12188825"/>
              <a:gd name="connsiteY1" fmla="*/ 0 h 6858000"/>
              <a:gd name="connsiteX2" fmla="*/ 12188825 w 12188825"/>
              <a:gd name="connsiteY2" fmla="*/ 5807978 h 6858000"/>
              <a:gd name="connsiteX3" fmla="*/ 9560607 w 12188825"/>
              <a:gd name="connsiteY3" fmla="*/ 5616239 h 6858000"/>
              <a:gd name="connsiteX4" fmla="*/ 1001 w 12188825"/>
              <a:gd name="connsiteY4" fmla="*/ 6162918 h 6858000"/>
              <a:gd name="connsiteX5" fmla="*/ 116 w 12188825"/>
              <a:gd name="connsiteY5" fmla="*/ 6854516 h 6858000"/>
              <a:gd name="connsiteX6" fmla="*/ 12188825 w 12188825"/>
              <a:gd name="connsiteY6" fmla="*/ 6857998 h 6858000"/>
              <a:gd name="connsiteX7" fmla="*/ 12188825 w 12188825"/>
              <a:gd name="connsiteY7" fmla="*/ 6858000 h 6858000"/>
              <a:gd name="connsiteX8" fmla="*/ 0 w 12188825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88825" h="6858000">
                <a:moveTo>
                  <a:pt x="0" y="0"/>
                </a:moveTo>
                <a:lnTo>
                  <a:pt x="12188825" y="0"/>
                </a:lnTo>
                <a:lnTo>
                  <a:pt x="12188825" y="5807978"/>
                </a:lnTo>
                <a:lnTo>
                  <a:pt x="9560607" y="5616239"/>
                </a:lnTo>
                <a:lnTo>
                  <a:pt x="1001" y="6162918"/>
                </a:lnTo>
                <a:cubicBezTo>
                  <a:pt x="3996" y="6476240"/>
                  <a:pt x="-793" y="6510872"/>
                  <a:pt x="116" y="6854516"/>
                </a:cubicBezTo>
                <a:lnTo>
                  <a:pt x="12188825" y="6857998"/>
                </a:lnTo>
                <a:lnTo>
                  <a:pt x="12188825" y="6858000"/>
                </a:lnTo>
                <a:lnTo>
                  <a:pt x="0" y="6858000"/>
                </a:lnTo>
                <a:close/>
              </a:path>
            </a:pathLst>
          </a:custGeom>
        </p:spPr>
      </p:pic>
      <p:sp>
        <p:nvSpPr>
          <p:cNvPr id="8" name="Text Placeholder Logo">
            <a:extLst>
              <a:ext uri="{FF2B5EF4-FFF2-40B4-BE49-F238E27FC236}">
                <a16:creationId xmlns:a16="http://schemas.microsoft.com/office/drawing/2014/main" id="{5FEAFEF0-CE72-483B-A113-B929C1814F53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0471" y="68578"/>
            <a:ext cx="1813011" cy="1032482"/>
          </a:xfrm>
          <a:blipFill>
            <a:blip r:embed="rId3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6"/>
            </a:lvl1pPr>
          </a:lstStyle>
          <a:p>
            <a:pPr lvl="0"/>
            <a:r>
              <a:rPr lang="da-DK" dirty="0"/>
              <a:t>.</a:t>
            </a:r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6AC5B3F5-1FFE-4E8C-BB94-C111DAF9935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" y="2284327"/>
            <a:ext cx="9558375" cy="3875144"/>
          </a:xfrm>
          <a:custGeom>
            <a:avLst/>
            <a:gdLst>
              <a:gd name="connsiteX0" fmla="*/ 0 w 9034271"/>
              <a:gd name="connsiteY0" fmla="*/ 0 h 3661652"/>
              <a:gd name="connsiteX1" fmla="*/ 9034271 w 9034271"/>
              <a:gd name="connsiteY1" fmla="*/ 0 h 3661652"/>
              <a:gd name="connsiteX2" fmla="*/ 9034271 w 9034271"/>
              <a:gd name="connsiteY2" fmla="*/ 3147987 h 3661652"/>
              <a:gd name="connsiteX3" fmla="*/ 49484 w 9034271"/>
              <a:gd name="connsiteY3" fmla="*/ 3661652 h 3661652"/>
              <a:gd name="connsiteX4" fmla="*/ 0 w 9034271"/>
              <a:gd name="connsiteY4" fmla="*/ 3661652 h 36616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034271" h="3661652">
                <a:moveTo>
                  <a:pt x="0" y="0"/>
                </a:moveTo>
                <a:lnTo>
                  <a:pt x="9034271" y="0"/>
                </a:lnTo>
                <a:lnTo>
                  <a:pt x="9034271" y="3147987"/>
                </a:lnTo>
                <a:lnTo>
                  <a:pt x="49484" y="3661652"/>
                </a:lnTo>
                <a:lnTo>
                  <a:pt x="0" y="3661652"/>
                </a:lnTo>
                <a:close/>
              </a:path>
            </a:pathLst>
          </a:custGeom>
          <a:solidFill>
            <a:srgbClr val="F21935">
              <a:alpha val="60000"/>
            </a:srgbClr>
          </a:solidFill>
        </p:spPr>
        <p:txBody>
          <a:bodyPr wrap="square" lIns="529200" tIns="720000" rIns="180000" anchor="t">
            <a:noAutofit/>
          </a:bodyPr>
          <a:lstStyle>
            <a:lvl1pPr algn="l">
              <a:defRPr lang="da-DK" sz="4867" spc="0" baseline="0" smtClean="0">
                <a:solidFill>
                  <a:schemeClr val="bg1"/>
                </a:solidFill>
                <a:effectLst/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46116414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-slide, blå m.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47AF47C7-5989-48A8-B9DF-CD697697199D}"/>
              </a:ext>
            </a:extLst>
          </p:cNvPr>
          <p:cNvPicPr>
            <a:picLocks/>
          </p:cNvPicPr>
          <p:nvPr userDrawn="1"/>
        </p:nvPicPr>
        <p:blipFill rotWithShape="1">
          <a:blip r:embed="rId2"/>
          <a:srcRect t="28" b="28"/>
          <a:stretch/>
        </p:blipFill>
        <p:spPr>
          <a:xfrm>
            <a:off x="0" y="1"/>
            <a:ext cx="12188825" cy="6858000"/>
          </a:xfrm>
          <a:custGeom>
            <a:avLst/>
            <a:gdLst>
              <a:gd name="connsiteX0" fmla="*/ 0 w 12188825"/>
              <a:gd name="connsiteY0" fmla="*/ 0 h 6858000"/>
              <a:gd name="connsiteX1" fmla="*/ 12188825 w 12188825"/>
              <a:gd name="connsiteY1" fmla="*/ 0 h 6858000"/>
              <a:gd name="connsiteX2" fmla="*/ 12188825 w 12188825"/>
              <a:gd name="connsiteY2" fmla="*/ 5807978 h 6858000"/>
              <a:gd name="connsiteX3" fmla="*/ 9560607 w 12188825"/>
              <a:gd name="connsiteY3" fmla="*/ 5616239 h 6858000"/>
              <a:gd name="connsiteX4" fmla="*/ 1001 w 12188825"/>
              <a:gd name="connsiteY4" fmla="*/ 6162918 h 6858000"/>
              <a:gd name="connsiteX5" fmla="*/ 116 w 12188825"/>
              <a:gd name="connsiteY5" fmla="*/ 6854516 h 6858000"/>
              <a:gd name="connsiteX6" fmla="*/ 12188825 w 12188825"/>
              <a:gd name="connsiteY6" fmla="*/ 6857998 h 6858000"/>
              <a:gd name="connsiteX7" fmla="*/ 12188825 w 12188825"/>
              <a:gd name="connsiteY7" fmla="*/ 6858000 h 6858000"/>
              <a:gd name="connsiteX8" fmla="*/ 0 w 12188825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88825" h="6858000">
                <a:moveTo>
                  <a:pt x="0" y="0"/>
                </a:moveTo>
                <a:lnTo>
                  <a:pt x="12188825" y="0"/>
                </a:lnTo>
                <a:lnTo>
                  <a:pt x="12188825" y="5807978"/>
                </a:lnTo>
                <a:lnTo>
                  <a:pt x="9560607" y="5616239"/>
                </a:lnTo>
                <a:lnTo>
                  <a:pt x="1001" y="6162918"/>
                </a:lnTo>
                <a:cubicBezTo>
                  <a:pt x="3996" y="6476240"/>
                  <a:pt x="-793" y="6510872"/>
                  <a:pt x="116" y="6854516"/>
                </a:cubicBezTo>
                <a:lnTo>
                  <a:pt x="12188825" y="6857998"/>
                </a:lnTo>
                <a:lnTo>
                  <a:pt x="12188825" y="6858000"/>
                </a:lnTo>
                <a:lnTo>
                  <a:pt x="0" y="6858000"/>
                </a:lnTo>
                <a:close/>
              </a:path>
            </a:pathLst>
          </a:custGeom>
        </p:spPr>
      </p:pic>
      <p:sp>
        <p:nvSpPr>
          <p:cNvPr id="12" name="Text Placeholder Logo">
            <a:extLst>
              <a:ext uri="{FF2B5EF4-FFF2-40B4-BE49-F238E27FC236}">
                <a16:creationId xmlns:a16="http://schemas.microsoft.com/office/drawing/2014/main" id="{EBC94DF7-98E2-4D81-A456-C8E29FFA73B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0471" y="68578"/>
            <a:ext cx="1813011" cy="1032482"/>
          </a:xfrm>
          <a:blipFill>
            <a:blip r:embed="rId3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6"/>
            </a:lvl1pPr>
          </a:lstStyle>
          <a:p>
            <a:pPr lvl="0"/>
            <a:r>
              <a:rPr lang="da-DK" dirty="0"/>
              <a:t>.</a:t>
            </a:r>
          </a:p>
        </p:txBody>
      </p:sp>
      <p:sp>
        <p:nvSpPr>
          <p:cNvPr id="11" name="Freeform 10">
            <a:extLst>
              <a:ext uri="{FF2B5EF4-FFF2-40B4-BE49-F238E27FC236}">
                <a16:creationId xmlns:a16="http://schemas.microsoft.com/office/drawing/2014/main" id="{B5C06F61-A2DD-0148-87A7-05632BF354E4}"/>
              </a:ext>
            </a:extLst>
          </p:cNvPr>
          <p:cNvSpPr/>
          <p:nvPr userDrawn="1"/>
        </p:nvSpPr>
        <p:spPr>
          <a:xfrm>
            <a:off x="-1000" y="5615786"/>
            <a:ext cx="12195970" cy="1241760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496"/>
              <a:gd name="connsiteY0" fmla="*/ 542140 h 6495385"/>
              <a:gd name="connsiteX1" fmla="*/ 9114809 w 11524496"/>
              <a:gd name="connsiteY1" fmla="*/ 0 h 6495385"/>
              <a:gd name="connsiteX2" fmla="*/ 11520937 w 11524496"/>
              <a:gd name="connsiteY2" fmla="*/ 208706 h 6495385"/>
              <a:gd name="connsiteX3" fmla="*/ 11524112 w 11524496"/>
              <a:gd name="connsiteY3" fmla="*/ 3188572 h 6495385"/>
              <a:gd name="connsiteX4" fmla="*/ 331 w 11524496"/>
              <a:gd name="connsiteY4" fmla="*/ 6495386 h 6495385"/>
              <a:gd name="connsiteX5" fmla="*/ 0 w 11524496"/>
              <a:gd name="connsiteY5" fmla="*/ 542140 h 6495385"/>
              <a:gd name="connsiteX0" fmla="*/ 0 w 11524112"/>
              <a:gd name="connsiteY0" fmla="*/ 542140 h 6495386"/>
              <a:gd name="connsiteX1" fmla="*/ 9114809 w 11524112"/>
              <a:gd name="connsiteY1" fmla="*/ 0 h 6495386"/>
              <a:gd name="connsiteX2" fmla="*/ 11520937 w 11524112"/>
              <a:gd name="connsiteY2" fmla="*/ 208706 h 6495386"/>
              <a:gd name="connsiteX3" fmla="*/ 11524112 w 11524112"/>
              <a:gd name="connsiteY3" fmla="*/ 3188572 h 6495386"/>
              <a:gd name="connsiteX4" fmla="*/ 331 w 11524112"/>
              <a:gd name="connsiteY4" fmla="*/ 6495386 h 6495386"/>
              <a:gd name="connsiteX5" fmla="*/ 0 w 11524112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14384 w 11520937"/>
              <a:gd name="connsiteY3" fmla="*/ 2233650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14384 w 11520937"/>
              <a:gd name="connsiteY3" fmla="*/ 2233650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50960 w 11520937"/>
              <a:gd name="connsiteY3" fmla="*/ 1359997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1842676"/>
              <a:gd name="connsiteX1" fmla="*/ 9114809 w 11520937"/>
              <a:gd name="connsiteY1" fmla="*/ 0 h 1842676"/>
              <a:gd name="connsiteX2" fmla="*/ 11520937 w 11520937"/>
              <a:gd name="connsiteY2" fmla="*/ 208706 h 1842676"/>
              <a:gd name="connsiteX3" fmla="*/ 11450960 w 11520937"/>
              <a:gd name="connsiteY3" fmla="*/ 1359997 h 1842676"/>
              <a:gd name="connsiteX4" fmla="*/ 402667 w 11520937"/>
              <a:gd name="connsiteY4" fmla="*/ 1842676 h 1842676"/>
              <a:gd name="connsiteX5" fmla="*/ 0 w 11520937"/>
              <a:gd name="connsiteY5" fmla="*/ 542140 h 1842676"/>
              <a:gd name="connsiteX0" fmla="*/ 0 w 11520937"/>
              <a:gd name="connsiteY0" fmla="*/ 542140 h 1873037"/>
              <a:gd name="connsiteX1" fmla="*/ 9114809 w 11520937"/>
              <a:gd name="connsiteY1" fmla="*/ 0 h 1873037"/>
              <a:gd name="connsiteX2" fmla="*/ 11520937 w 11520937"/>
              <a:gd name="connsiteY2" fmla="*/ 208706 h 1873037"/>
              <a:gd name="connsiteX3" fmla="*/ 11450960 w 11520937"/>
              <a:gd name="connsiteY3" fmla="*/ 1359997 h 1873037"/>
              <a:gd name="connsiteX4" fmla="*/ 402667 w 11520937"/>
              <a:gd name="connsiteY4" fmla="*/ 1842676 h 1873037"/>
              <a:gd name="connsiteX5" fmla="*/ 0 w 11520937"/>
              <a:gd name="connsiteY5" fmla="*/ 542140 h 1873037"/>
              <a:gd name="connsiteX0" fmla="*/ 7907 w 11528844"/>
              <a:gd name="connsiteY0" fmla="*/ 542140 h 1536909"/>
              <a:gd name="connsiteX1" fmla="*/ 9122716 w 11528844"/>
              <a:gd name="connsiteY1" fmla="*/ 0 h 1536909"/>
              <a:gd name="connsiteX2" fmla="*/ 11528844 w 11528844"/>
              <a:gd name="connsiteY2" fmla="*/ 208706 h 1536909"/>
              <a:gd name="connsiteX3" fmla="*/ 11458867 w 11528844"/>
              <a:gd name="connsiteY3" fmla="*/ 1359997 h 1536909"/>
              <a:gd name="connsiteX4" fmla="*/ 8238 w 11528844"/>
              <a:gd name="connsiteY4" fmla="*/ 1090928 h 1536909"/>
              <a:gd name="connsiteX5" fmla="*/ 7907 w 11528844"/>
              <a:gd name="connsiteY5" fmla="*/ 542140 h 1536909"/>
              <a:gd name="connsiteX0" fmla="*/ 0 w 11520937"/>
              <a:gd name="connsiteY0" fmla="*/ 542140 h 1516989"/>
              <a:gd name="connsiteX1" fmla="*/ 9114809 w 11520937"/>
              <a:gd name="connsiteY1" fmla="*/ 0 h 1516989"/>
              <a:gd name="connsiteX2" fmla="*/ 11520937 w 11520937"/>
              <a:gd name="connsiteY2" fmla="*/ 208706 h 1516989"/>
              <a:gd name="connsiteX3" fmla="*/ 11450960 w 11520937"/>
              <a:gd name="connsiteY3" fmla="*/ 1359997 h 1516989"/>
              <a:gd name="connsiteX4" fmla="*/ 329515 w 11520937"/>
              <a:gd name="connsiteY4" fmla="*/ 1029976 h 1516989"/>
              <a:gd name="connsiteX5" fmla="*/ 0 w 11520937"/>
              <a:gd name="connsiteY5" fmla="*/ 542140 h 1516989"/>
              <a:gd name="connsiteX0" fmla="*/ 0 w 11520937"/>
              <a:gd name="connsiteY0" fmla="*/ 542140 h 1562013"/>
              <a:gd name="connsiteX1" fmla="*/ 9114809 w 11520937"/>
              <a:gd name="connsiteY1" fmla="*/ 0 h 1562013"/>
              <a:gd name="connsiteX2" fmla="*/ 11520937 w 11520937"/>
              <a:gd name="connsiteY2" fmla="*/ 208706 h 1562013"/>
              <a:gd name="connsiteX3" fmla="*/ 11450960 w 11520937"/>
              <a:gd name="connsiteY3" fmla="*/ 1359997 h 1562013"/>
              <a:gd name="connsiteX4" fmla="*/ 179534 w 11520937"/>
              <a:gd name="connsiteY4" fmla="*/ 1164351 h 1562013"/>
              <a:gd name="connsiteX5" fmla="*/ 0 w 11520937"/>
              <a:gd name="connsiteY5" fmla="*/ 542140 h 1562013"/>
              <a:gd name="connsiteX0" fmla="*/ 0 w 11520937"/>
              <a:gd name="connsiteY0" fmla="*/ 542140 h 1520033"/>
              <a:gd name="connsiteX1" fmla="*/ 9114809 w 11520937"/>
              <a:gd name="connsiteY1" fmla="*/ 0 h 1520033"/>
              <a:gd name="connsiteX2" fmla="*/ 11520937 w 11520937"/>
              <a:gd name="connsiteY2" fmla="*/ 208706 h 1520033"/>
              <a:gd name="connsiteX3" fmla="*/ 11450960 w 11520937"/>
              <a:gd name="connsiteY3" fmla="*/ 1359997 h 1520033"/>
              <a:gd name="connsiteX4" fmla="*/ 179534 w 11520937"/>
              <a:gd name="connsiteY4" fmla="*/ 1164351 h 1520033"/>
              <a:gd name="connsiteX5" fmla="*/ 0 w 11520937"/>
              <a:gd name="connsiteY5" fmla="*/ 542140 h 1520033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79534 w 11520937"/>
              <a:gd name="connsiteY4" fmla="*/ 1164351 h 1363604"/>
              <a:gd name="connsiteX5" fmla="*/ 0 w 11520937"/>
              <a:gd name="connsiteY5" fmla="*/ 542140 h 1363604"/>
              <a:gd name="connsiteX0" fmla="*/ 1532 w 11522469"/>
              <a:gd name="connsiteY0" fmla="*/ 542140 h 1363604"/>
              <a:gd name="connsiteX1" fmla="*/ 9116341 w 11522469"/>
              <a:gd name="connsiteY1" fmla="*/ 0 h 1363604"/>
              <a:gd name="connsiteX2" fmla="*/ 11522469 w 11522469"/>
              <a:gd name="connsiteY2" fmla="*/ 208706 h 1363604"/>
              <a:gd name="connsiteX3" fmla="*/ 11452492 w 11522469"/>
              <a:gd name="connsiteY3" fmla="*/ 1359997 h 1363604"/>
              <a:gd name="connsiteX4" fmla="*/ 16571 w 11522469"/>
              <a:gd name="connsiteY4" fmla="*/ 1261101 h 1363604"/>
              <a:gd name="connsiteX5" fmla="*/ 1532 w 11522469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5039 w 11520937"/>
              <a:gd name="connsiteY4" fmla="*/ 1261101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5039 w 11520937"/>
              <a:gd name="connsiteY4" fmla="*/ 1261101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8689 w 11520937"/>
              <a:gd name="connsiteY4" fmla="*/ 1271683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8689 w 11520937"/>
              <a:gd name="connsiteY4" fmla="*/ 1271683 h 1363604"/>
              <a:gd name="connsiteX5" fmla="*/ 0 w 11520937"/>
              <a:gd name="connsiteY5" fmla="*/ 542140 h 1363604"/>
              <a:gd name="connsiteX0" fmla="*/ 946 w 11521883"/>
              <a:gd name="connsiteY0" fmla="*/ 542140 h 1363604"/>
              <a:gd name="connsiteX1" fmla="*/ 9115755 w 11521883"/>
              <a:gd name="connsiteY1" fmla="*/ 0 h 1363604"/>
              <a:gd name="connsiteX2" fmla="*/ 11521883 w 11521883"/>
              <a:gd name="connsiteY2" fmla="*/ 208706 h 1363604"/>
              <a:gd name="connsiteX3" fmla="*/ 11451906 w 11521883"/>
              <a:gd name="connsiteY3" fmla="*/ 1359997 h 1363604"/>
              <a:gd name="connsiteX4" fmla="*/ 110 w 11521883"/>
              <a:gd name="connsiteY4" fmla="*/ 1268156 h 1363604"/>
              <a:gd name="connsiteX5" fmla="*/ 946 w 11521883"/>
              <a:gd name="connsiteY5" fmla="*/ 542140 h 1363604"/>
              <a:gd name="connsiteX0" fmla="*/ 946 w 11525058"/>
              <a:gd name="connsiteY0" fmla="*/ 542140 h 1359997"/>
              <a:gd name="connsiteX1" fmla="*/ 9115755 w 11525058"/>
              <a:gd name="connsiteY1" fmla="*/ 0 h 1359997"/>
              <a:gd name="connsiteX2" fmla="*/ 11525058 w 11525058"/>
              <a:gd name="connsiteY2" fmla="*/ 169906 h 1359997"/>
              <a:gd name="connsiteX3" fmla="*/ 11451906 w 11525058"/>
              <a:gd name="connsiteY3" fmla="*/ 1359997 h 1359997"/>
              <a:gd name="connsiteX4" fmla="*/ 110 w 11525058"/>
              <a:gd name="connsiteY4" fmla="*/ 1268156 h 1359997"/>
              <a:gd name="connsiteX5" fmla="*/ 946 w 11525058"/>
              <a:gd name="connsiteY5" fmla="*/ 542140 h 1359997"/>
              <a:gd name="connsiteX0" fmla="*/ 946 w 11525073"/>
              <a:gd name="connsiteY0" fmla="*/ 542140 h 1359997"/>
              <a:gd name="connsiteX1" fmla="*/ 9115755 w 11525073"/>
              <a:gd name="connsiteY1" fmla="*/ 0 h 1359997"/>
              <a:gd name="connsiteX2" fmla="*/ 11525058 w 11525073"/>
              <a:gd name="connsiteY2" fmla="*/ 169906 h 1359997"/>
              <a:gd name="connsiteX3" fmla="*/ 11451906 w 11525073"/>
              <a:gd name="connsiteY3" fmla="*/ 1359997 h 1359997"/>
              <a:gd name="connsiteX4" fmla="*/ 110 w 11525073"/>
              <a:gd name="connsiteY4" fmla="*/ 1268156 h 1359997"/>
              <a:gd name="connsiteX5" fmla="*/ 946 w 11525073"/>
              <a:gd name="connsiteY5" fmla="*/ 542140 h 1359997"/>
              <a:gd name="connsiteX0" fmla="*/ 946 w 11526882"/>
              <a:gd name="connsiteY0" fmla="*/ 542140 h 1268286"/>
              <a:gd name="connsiteX1" fmla="*/ 9115755 w 11526882"/>
              <a:gd name="connsiteY1" fmla="*/ 0 h 1268286"/>
              <a:gd name="connsiteX2" fmla="*/ 11525058 w 11526882"/>
              <a:gd name="connsiteY2" fmla="*/ 169906 h 1268286"/>
              <a:gd name="connsiteX3" fmla="*/ 11512231 w 11526882"/>
              <a:gd name="connsiteY3" fmla="*/ 1268286 h 1268286"/>
              <a:gd name="connsiteX4" fmla="*/ 110 w 11526882"/>
              <a:gd name="connsiteY4" fmla="*/ 1268156 h 1268286"/>
              <a:gd name="connsiteX5" fmla="*/ 946 w 11526882"/>
              <a:gd name="connsiteY5" fmla="*/ 542140 h 1268286"/>
              <a:gd name="connsiteX0" fmla="*/ 946 w 11525140"/>
              <a:gd name="connsiteY0" fmla="*/ 542140 h 1268286"/>
              <a:gd name="connsiteX1" fmla="*/ 9115755 w 11525140"/>
              <a:gd name="connsiteY1" fmla="*/ 0 h 1268286"/>
              <a:gd name="connsiteX2" fmla="*/ 11525058 w 11525140"/>
              <a:gd name="connsiteY2" fmla="*/ 169906 h 1268286"/>
              <a:gd name="connsiteX3" fmla="*/ 11512231 w 11525140"/>
              <a:gd name="connsiteY3" fmla="*/ 1268286 h 1268286"/>
              <a:gd name="connsiteX4" fmla="*/ 110 w 11525140"/>
              <a:gd name="connsiteY4" fmla="*/ 1268156 h 1268286"/>
              <a:gd name="connsiteX5" fmla="*/ 946 w 11525140"/>
              <a:gd name="connsiteY5" fmla="*/ 542140 h 1268286"/>
              <a:gd name="connsiteX0" fmla="*/ 946 w 11525270"/>
              <a:gd name="connsiteY0" fmla="*/ 542140 h 1271813"/>
              <a:gd name="connsiteX1" fmla="*/ 9115755 w 11525270"/>
              <a:gd name="connsiteY1" fmla="*/ 0 h 1271813"/>
              <a:gd name="connsiteX2" fmla="*/ 11525058 w 11525270"/>
              <a:gd name="connsiteY2" fmla="*/ 169906 h 1271813"/>
              <a:gd name="connsiteX3" fmla="*/ 11518581 w 11525270"/>
              <a:gd name="connsiteY3" fmla="*/ 1271813 h 1271813"/>
              <a:gd name="connsiteX4" fmla="*/ 110 w 11525270"/>
              <a:gd name="connsiteY4" fmla="*/ 1268156 h 1271813"/>
              <a:gd name="connsiteX5" fmla="*/ 946 w 11525270"/>
              <a:gd name="connsiteY5" fmla="*/ 542140 h 1271813"/>
              <a:gd name="connsiteX0" fmla="*/ 946 w 11527241"/>
              <a:gd name="connsiteY0" fmla="*/ 542140 h 1271813"/>
              <a:gd name="connsiteX1" fmla="*/ 9115755 w 11527241"/>
              <a:gd name="connsiteY1" fmla="*/ 0 h 1271813"/>
              <a:gd name="connsiteX2" fmla="*/ 11525058 w 11527241"/>
              <a:gd name="connsiteY2" fmla="*/ 169906 h 1271813"/>
              <a:gd name="connsiteX3" fmla="*/ 11524931 w 11527241"/>
              <a:gd name="connsiteY3" fmla="*/ 1271813 h 1271813"/>
              <a:gd name="connsiteX4" fmla="*/ 110 w 11527241"/>
              <a:gd name="connsiteY4" fmla="*/ 1268156 h 1271813"/>
              <a:gd name="connsiteX5" fmla="*/ 946 w 11527241"/>
              <a:gd name="connsiteY5" fmla="*/ 542140 h 1271813"/>
              <a:gd name="connsiteX0" fmla="*/ 946 w 11527241"/>
              <a:gd name="connsiteY0" fmla="*/ 573886 h 1303559"/>
              <a:gd name="connsiteX1" fmla="*/ 9030030 w 11527241"/>
              <a:gd name="connsiteY1" fmla="*/ 0 h 1303559"/>
              <a:gd name="connsiteX2" fmla="*/ 11525058 w 11527241"/>
              <a:gd name="connsiteY2" fmla="*/ 201652 h 1303559"/>
              <a:gd name="connsiteX3" fmla="*/ 11524931 w 11527241"/>
              <a:gd name="connsiteY3" fmla="*/ 1303559 h 1303559"/>
              <a:gd name="connsiteX4" fmla="*/ 110 w 11527241"/>
              <a:gd name="connsiteY4" fmla="*/ 1299902 h 1303559"/>
              <a:gd name="connsiteX5" fmla="*/ 946 w 11527241"/>
              <a:gd name="connsiteY5" fmla="*/ 573886 h 1303559"/>
              <a:gd name="connsiteX0" fmla="*/ 946 w 11527241"/>
              <a:gd name="connsiteY0" fmla="*/ 573886 h 1303559"/>
              <a:gd name="connsiteX1" fmla="*/ 9036380 w 11527241"/>
              <a:gd name="connsiteY1" fmla="*/ 0 h 1303559"/>
              <a:gd name="connsiteX2" fmla="*/ 11525058 w 11527241"/>
              <a:gd name="connsiteY2" fmla="*/ 201652 h 1303559"/>
              <a:gd name="connsiteX3" fmla="*/ 11524931 w 11527241"/>
              <a:gd name="connsiteY3" fmla="*/ 1303559 h 1303559"/>
              <a:gd name="connsiteX4" fmla="*/ 110 w 11527241"/>
              <a:gd name="connsiteY4" fmla="*/ 1299902 h 1303559"/>
              <a:gd name="connsiteX5" fmla="*/ 946 w 11527241"/>
              <a:gd name="connsiteY5" fmla="*/ 573886 h 13035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7241" h="1303559">
                <a:moveTo>
                  <a:pt x="946" y="573886"/>
                </a:moveTo>
                <a:lnTo>
                  <a:pt x="9036380" y="0"/>
                </a:lnTo>
                <a:lnTo>
                  <a:pt x="11525058" y="201652"/>
                </a:lnTo>
                <a:cubicBezTo>
                  <a:pt x="11526116" y="664524"/>
                  <a:pt x="11529461" y="717231"/>
                  <a:pt x="11524931" y="1303559"/>
                </a:cubicBezTo>
                <a:lnTo>
                  <a:pt x="110" y="1299902"/>
                </a:lnTo>
                <a:cubicBezTo>
                  <a:pt x="-750" y="939156"/>
                  <a:pt x="3777" y="902801"/>
                  <a:pt x="946" y="573886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77630792-5CA9-452D-9261-9C926C255D3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" y="2284327"/>
            <a:ext cx="9558375" cy="3875144"/>
          </a:xfrm>
          <a:custGeom>
            <a:avLst/>
            <a:gdLst>
              <a:gd name="connsiteX0" fmla="*/ 0 w 9034271"/>
              <a:gd name="connsiteY0" fmla="*/ 0 h 3661652"/>
              <a:gd name="connsiteX1" fmla="*/ 9034271 w 9034271"/>
              <a:gd name="connsiteY1" fmla="*/ 0 h 3661652"/>
              <a:gd name="connsiteX2" fmla="*/ 9034271 w 9034271"/>
              <a:gd name="connsiteY2" fmla="*/ 3147987 h 3661652"/>
              <a:gd name="connsiteX3" fmla="*/ 49484 w 9034271"/>
              <a:gd name="connsiteY3" fmla="*/ 3661652 h 3661652"/>
              <a:gd name="connsiteX4" fmla="*/ 0 w 9034271"/>
              <a:gd name="connsiteY4" fmla="*/ 3661652 h 36616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034271" h="3661652">
                <a:moveTo>
                  <a:pt x="0" y="0"/>
                </a:moveTo>
                <a:lnTo>
                  <a:pt x="9034271" y="0"/>
                </a:lnTo>
                <a:lnTo>
                  <a:pt x="9034271" y="3147987"/>
                </a:lnTo>
                <a:lnTo>
                  <a:pt x="49484" y="3661652"/>
                </a:lnTo>
                <a:lnTo>
                  <a:pt x="0" y="3661652"/>
                </a:lnTo>
                <a:close/>
              </a:path>
            </a:pathLst>
          </a:custGeom>
          <a:solidFill>
            <a:schemeClr val="accent1">
              <a:alpha val="60000"/>
            </a:schemeClr>
          </a:solidFill>
        </p:spPr>
        <p:txBody>
          <a:bodyPr wrap="square" lIns="529200" tIns="720000" rIns="180000" anchor="t">
            <a:noAutofit/>
          </a:bodyPr>
          <a:lstStyle>
            <a:lvl1pPr algn="l">
              <a:defRPr lang="da-DK" sz="4867" spc="0" baseline="0" smtClean="0">
                <a:solidFill>
                  <a:schemeClr val="bg1"/>
                </a:solidFill>
                <a:effectLst/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835422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-slide, grå m.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0D5E0D5-999F-4128-B83E-C33BB781799D}"/>
              </a:ext>
            </a:extLst>
          </p:cNvPr>
          <p:cNvPicPr>
            <a:picLocks/>
          </p:cNvPicPr>
          <p:nvPr userDrawn="1"/>
        </p:nvPicPr>
        <p:blipFill rotWithShape="1">
          <a:blip r:embed="rId2"/>
          <a:srcRect t="28" b="28"/>
          <a:stretch/>
        </p:blipFill>
        <p:spPr>
          <a:xfrm>
            <a:off x="0" y="1"/>
            <a:ext cx="12188825" cy="6858000"/>
          </a:xfrm>
          <a:custGeom>
            <a:avLst/>
            <a:gdLst>
              <a:gd name="connsiteX0" fmla="*/ 0 w 12188825"/>
              <a:gd name="connsiteY0" fmla="*/ 0 h 6858000"/>
              <a:gd name="connsiteX1" fmla="*/ 12188825 w 12188825"/>
              <a:gd name="connsiteY1" fmla="*/ 0 h 6858000"/>
              <a:gd name="connsiteX2" fmla="*/ 12188825 w 12188825"/>
              <a:gd name="connsiteY2" fmla="*/ 5807978 h 6858000"/>
              <a:gd name="connsiteX3" fmla="*/ 9560607 w 12188825"/>
              <a:gd name="connsiteY3" fmla="*/ 5616239 h 6858000"/>
              <a:gd name="connsiteX4" fmla="*/ 1001 w 12188825"/>
              <a:gd name="connsiteY4" fmla="*/ 6162918 h 6858000"/>
              <a:gd name="connsiteX5" fmla="*/ 116 w 12188825"/>
              <a:gd name="connsiteY5" fmla="*/ 6854516 h 6858000"/>
              <a:gd name="connsiteX6" fmla="*/ 12188825 w 12188825"/>
              <a:gd name="connsiteY6" fmla="*/ 6857998 h 6858000"/>
              <a:gd name="connsiteX7" fmla="*/ 12188825 w 12188825"/>
              <a:gd name="connsiteY7" fmla="*/ 6858000 h 6858000"/>
              <a:gd name="connsiteX8" fmla="*/ 0 w 12188825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188825" h="6858000">
                <a:moveTo>
                  <a:pt x="0" y="0"/>
                </a:moveTo>
                <a:lnTo>
                  <a:pt x="12188825" y="0"/>
                </a:lnTo>
                <a:lnTo>
                  <a:pt x="12188825" y="5807978"/>
                </a:lnTo>
                <a:lnTo>
                  <a:pt x="9560607" y="5616239"/>
                </a:lnTo>
                <a:lnTo>
                  <a:pt x="1001" y="6162918"/>
                </a:lnTo>
                <a:cubicBezTo>
                  <a:pt x="3996" y="6476240"/>
                  <a:pt x="-793" y="6510872"/>
                  <a:pt x="116" y="6854516"/>
                </a:cubicBezTo>
                <a:lnTo>
                  <a:pt x="12188825" y="6857998"/>
                </a:lnTo>
                <a:lnTo>
                  <a:pt x="12188825" y="6858000"/>
                </a:lnTo>
                <a:lnTo>
                  <a:pt x="0" y="6858000"/>
                </a:lnTo>
                <a:close/>
              </a:path>
            </a:pathLst>
          </a:custGeom>
        </p:spPr>
      </p:pic>
      <p:sp>
        <p:nvSpPr>
          <p:cNvPr id="12" name="Text Placeholder Logo">
            <a:extLst>
              <a:ext uri="{FF2B5EF4-FFF2-40B4-BE49-F238E27FC236}">
                <a16:creationId xmlns:a16="http://schemas.microsoft.com/office/drawing/2014/main" id="{2A6EA4A3-63BC-436E-936E-41F8B513083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0471" y="68578"/>
            <a:ext cx="1813011" cy="1032482"/>
          </a:xfrm>
          <a:blipFill>
            <a:blip r:embed="rId3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6"/>
            </a:lvl1pPr>
          </a:lstStyle>
          <a:p>
            <a:pPr lvl="0"/>
            <a:r>
              <a:rPr lang="da-DK" dirty="0"/>
              <a:t>.</a:t>
            </a:r>
          </a:p>
        </p:txBody>
      </p:sp>
      <p:sp>
        <p:nvSpPr>
          <p:cNvPr id="13" name="Freeform: Shape 12">
            <a:extLst>
              <a:ext uri="{FF2B5EF4-FFF2-40B4-BE49-F238E27FC236}">
                <a16:creationId xmlns:a16="http://schemas.microsoft.com/office/drawing/2014/main" id="{02EE7181-F938-4A27-BBD6-732E59C7D286}"/>
              </a:ext>
            </a:extLst>
          </p:cNvPr>
          <p:cNvSpPr/>
          <p:nvPr userDrawn="1"/>
        </p:nvSpPr>
        <p:spPr>
          <a:xfrm>
            <a:off x="-1000" y="5615786"/>
            <a:ext cx="12195970" cy="1241760"/>
          </a:xfrm>
          <a:custGeom>
            <a:avLst/>
            <a:gdLst>
              <a:gd name="connsiteX0" fmla="*/ 9036380 w 11527241"/>
              <a:gd name="connsiteY0" fmla="*/ 0 h 1173348"/>
              <a:gd name="connsiteX1" fmla="*/ 11525058 w 11527241"/>
              <a:gd name="connsiteY1" fmla="*/ 181509 h 1173348"/>
              <a:gd name="connsiteX2" fmla="*/ 11524931 w 11527241"/>
              <a:gd name="connsiteY2" fmla="*/ 1173348 h 1173348"/>
              <a:gd name="connsiteX3" fmla="*/ 110 w 11527241"/>
              <a:gd name="connsiteY3" fmla="*/ 1170056 h 1173348"/>
              <a:gd name="connsiteX4" fmla="*/ 946 w 11527241"/>
              <a:gd name="connsiteY4" fmla="*/ 516561 h 117334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527241" h="1173348">
                <a:moveTo>
                  <a:pt x="9036380" y="0"/>
                </a:moveTo>
                <a:lnTo>
                  <a:pt x="11525058" y="181509"/>
                </a:lnTo>
                <a:cubicBezTo>
                  <a:pt x="11526116" y="598146"/>
                  <a:pt x="11529461" y="645588"/>
                  <a:pt x="11524931" y="1173348"/>
                </a:cubicBezTo>
                <a:lnTo>
                  <a:pt x="110" y="1170056"/>
                </a:lnTo>
                <a:cubicBezTo>
                  <a:pt x="-750" y="845345"/>
                  <a:pt x="3777" y="812621"/>
                  <a:pt x="946" y="516561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14" name="Title 13">
            <a:extLst>
              <a:ext uri="{FF2B5EF4-FFF2-40B4-BE49-F238E27FC236}">
                <a16:creationId xmlns:a16="http://schemas.microsoft.com/office/drawing/2014/main" id="{4AFB8976-B6B6-4526-A8CA-0497A2F90590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" y="2284327"/>
            <a:ext cx="9558375" cy="3875144"/>
          </a:xfrm>
          <a:custGeom>
            <a:avLst/>
            <a:gdLst>
              <a:gd name="connsiteX0" fmla="*/ 0 w 9034271"/>
              <a:gd name="connsiteY0" fmla="*/ 0 h 3661652"/>
              <a:gd name="connsiteX1" fmla="*/ 9034271 w 9034271"/>
              <a:gd name="connsiteY1" fmla="*/ 0 h 3661652"/>
              <a:gd name="connsiteX2" fmla="*/ 9034271 w 9034271"/>
              <a:gd name="connsiteY2" fmla="*/ 3147987 h 3661652"/>
              <a:gd name="connsiteX3" fmla="*/ 49484 w 9034271"/>
              <a:gd name="connsiteY3" fmla="*/ 3661652 h 3661652"/>
              <a:gd name="connsiteX4" fmla="*/ 0 w 9034271"/>
              <a:gd name="connsiteY4" fmla="*/ 3661652 h 36616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034271" h="3661652">
                <a:moveTo>
                  <a:pt x="0" y="0"/>
                </a:moveTo>
                <a:lnTo>
                  <a:pt x="9034271" y="0"/>
                </a:lnTo>
                <a:lnTo>
                  <a:pt x="9034271" y="3147987"/>
                </a:lnTo>
                <a:lnTo>
                  <a:pt x="49484" y="3661652"/>
                </a:lnTo>
                <a:lnTo>
                  <a:pt x="0" y="3661652"/>
                </a:lnTo>
                <a:close/>
              </a:path>
            </a:pathLst>
          </a:custGeom>
          <a:solidFill>
            <a:schemeClr val="bg2">
              <a:alpha val="60000"/>
            </a:schemeClr>
          </a:solidFill>
        </p:spPr>
        <p:txBody>
          <a:bodyPr wrap="square" lIns="529200" tIns="720000" rIns="180000" anchor="t">
            <a:noAutofit/>
          </a:bodyPr>
          <a:lstStyle>
            <a:lvl1pPr algn="l">
              <a:defRPr lang="da-DK" sz="4867" spc="0" baseline="0" smtClean="0">
                <a:solidFill>
                  <a:schemeClr val="tx1"/>
                </a:solidFill>
                <a:effectLst/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39869415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slide, rød og blå br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 9">
            <a:extLst>
              <a:ext uri="{FF2B5EF4-FFF2-40B4-BE49-F238E27FC236}">
                <a16:creationId xmlns:a16="http://schemas.microsoft.com/office/drawing/2014/main" id="{29ED5081-FB62-4922-AEAE-5B200A43BDAD}"/>
              </a:ext>
            </a:extLst>
          </p:cNvPr>
          <p:cNvSpPr/>
          <p:nvPr userDrawn="1"/>
        </p:nvSpPr>
        <p:spPr>
          <a:xfrm>
            <a:off x="0" y="763635"/>
            <a:ext cx="9645342" cy="5411436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112"/>
              <a:gd name="connsiteY0" fmla="*/ 542140 h 6500326"/>
              <a:gd name="connsiteX1" fmla="*/ 9114809 w 11524112"/>
              <a:gd name="connsiteY1" fmla="*/ 0 h 6500326"/>
              <a:gd name="connsiteX2" fmla="*/ 11524112 w 11524112"/>
              <a:gd name="connsiteY2" fmla="*/ 6500326 h 6500326"/>
              <a:gd name="connsiteX3" fmla="*/ 331 w 11524112"/>
              <a:gd name="connsiteY3" fmla="*/ 6495386 h 6500326"/>
              <a:gd name="connsiteX4" fmla="*/ 0 w 11524112"/>
              <a:gd name="connsiteY4" fmla="*/ 542140 h 6500326"/>
              <a:gd name="connsiteX0" fmla="*/ 0 w 9114809"/>
              <a:gd name="connsiteY0" fmla="*/ 542140 h 6495385"/>
              <a:gd name="connsiteX1" fmla="*/ 9114809 w 9114809"/>
              <a:gd name="connsiteY1" fmla="*/ 0 h 6495385"/>
              <a:gd name="connsiteX2" fmla="*/ 8877165 w 9114809"/>
              <a:gd name="connsiteY2" fmla="*/ 5145825 h 6495385"/>
              <a:gd name="connsiteX3" fmla="*/ 331 w 9114809"/>
              <a:gd name="connsiteY3" fmla="*/ 6495386 h 6495385"/>
              <a:gd name="connsiteX4" fmla="*/ 0 w 9114809"/>
              <a:gd name="connsiteY4" fmla="*/ 542140 h 6495385"/>
              <a:gd name="connsiteX0" fmla="*/ 0 w 9114809"/>
              <a:gd name="connsiteY0" fmla="*/ 542140 h 5145825"/>
              <a:gd name="connsiteX1" fmla="*/ 9114809 w 9114809"/>
              <a:gd name="connsiteY1" fmla="*/ 0 h 5145825"/>
              <a:gd name="connsiteX2" fmla="*/ 8877165 w 9114809"/>
              <a:gd name="connsiteY2" fmla="*/ 5145825 h 5145825"/>
              <a:gd name="connsiteX3" fmla="*/ 497636 w 9114809"/>
              <a:gd name="connsiteY3" fmla="*/ 4695326 h 5145825"/>
              <a:gd name="connsiteX4" fmla="*/ 0 w 9114809"/>
              <a:gd name="connsiteY4" fmla="*/ 542140 h 5145825"/>
              <a:gd name="connsiteX0" fmla="*/ 0 w 9114809"/>
              <a:gd name="connsiteY0" fmla="*/ 542140 h 5497333"/>
              <a:gd name="connsiteX1" fmla="*/ 9114809 w 9114809"/>
              <a:gd name="connsiteY1" fmla="*/ 0 h 5497333"/>
              <a:gd name="connsiteX2" fmla="*/ 8877165 w 9114809"/>
              <a:gd name="connsiteY2" fmla="*/ 5145825 h 5497333"/>
              <a:gd name="connsiteX3" fmla="*/ 160752 w 9114809"/>
              <a:gd name="connsiteY3" fmla="*/ 5497333 h 5497333"/>
              <a:gd name="connsiteX4" fmla="*/ 0 w 9114809"/>
              <a:gd name="connsiteY4" fmla="*/ 542140 h 5497333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8877165 w 9114809"/>
              <a:gd name="connsiteY2" fmla="*/ 5145825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048615 w 9114809"/>
              <a:gd name="connsiteY2" fmla="*/ 5096442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086715 w 9114809"/>
              <a:gd name="connsiteY2" fmla="*/ 5099970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21640"/>
              <a:gd name="connsiteY0" fmla="*/ 542140 h 5677228"/>
              <a:gd name="connsiteX1" fmla="*/ 9114809 w 9121640"/>
              <a:gd name="connsiteY1" fmla="*/ 0 h 5677228"/>
              <a:gd name="connsiteX2" fmla="*/ 9121640 w 9121640"/>
              <a:gd name="connsiteY2" fmla="*/ 5099970 h 5677228"/>
              <a:gd name="connsiteX3" fmla="*/ 5177 w 9121640"/>
              <a:gd name="connsiteY3" fmla="*/ 5677228 h 5677228"/>
              <a:gd name="connsiteX4" fmla="*/ 0 w 9121640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102590 w 9114809"/>
              <a:gd name="connsiteY2" fmla="*/ 5096442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5290"/>
              <a:gd name="connsiteY0" fmla="*/ 542140 h 5677228"/>
              <a:gd name="connsiteX1" fmla="*/ 9114809 w 9115290"/>
              <a:gd name="connsiteY1" fmla="*/ 0 h 5677228"/>
              <a:gd name="connsiteX2" fmla="*/ 9115290 w 9115290"/>
              <a:gd name="connsiteY2" fmla="*/ 5099970 h 5677228"/>
              <a:gd name="connsiteX3" fmla="*/ 5177 w 9115290"/>
              <a:gd name="connsiteY3" fmla="*/ 5677228 h 5677228"/>
              <a:gd name="connsiteX4" fmla="*/ 0 w 9115290"/>
              <a:gd name="connsiteY4" fmla="*/ 542140 h 5677228"/>
              <a:gd name="connsiteX0" fmla="*/ 1179 w 9116469"/>
              <a:gd name="connsiteY0" fmla="*/ 542140 h 5680755"/>
              <a:gd name="connsiteX1" fmla="*/ 9115988 w 9116469"/>
              <a:gd name="connsiteY1" fmla="*/ 0 h 5680755"/>
              <a:gd name="connsiteX2" fmla="*/ 9116469 w 9116469"/>
              <a:gd name="connsiteY2" fmla="*/ 5099970 h 5680755"/>
              <a:gd name="connsiteX3" fmla="*/ 6 w 9116469"/>
              <a:gd name="connsiteY3" fmla="*/ 5680755 h 5680755"/>
              <a:gd name="connsiteX4" fmla="*/ 1179 w 9116469"/>
              <a:gd name="connsiteY4" fmla="*/ 542140 h 56807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16469" h="5680755">
                <a:moveTo>
                  <a:pt x="1179" y="542140"/>
                </a:moveTo>
                <a:lnTo>
                  <a:pt x="9115988" y="0"/>
                </a:lnTo>
                <a:cubicBezTo>
                  <a:pt x="9116148" y="1699990"/>
                  <a:pt x="9116309" y="3399980"/>
                  <a:pt x="9116469" y="5099970"/>
                </a:cubicBezTo>
                <a:lnTo>
                  <a:pt x="6" y="5680755"/>
                </a:lnTo>
                <a:cubicBezTo>
                  <a:pt x="-104" y="3695164"/>
                  <a:pt x="1289" y="2527731"/>
                  <a:pt x="1179" y="542140"/>
                </a:cubicBezTo>
                <a:close/>
              </a:path>
            </a:pathLst>
          </a:custGeom>
          <a:solidFill>
            <a:srgbClr val="F2193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11" name="Freeform 13">
            <a:extLst>
              <a:ext uri="{FF2B5EF4-FFF2-40B4-BE49-F238E27FC236}">
                <a16:creationId xmlns:a16="http://schemas.microsoft.com/office/drawing/2014/main" id="{5BE98CB1-7E1F-46E6-94B1-961D36584890}"/>
              </a:ext>
            </a:extLst>
          </p:cNvPr>
          <p:cNvSpPr/>
          <p:nvPr userDrawn="1"/>
        </p:nvSpPr>
        <p:spPr>
          <a:xfrm>
            <a:off x="9644093" y="762663"/>
            <a:ext cx="2542990" cy="5062482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112"/>
              <a:gd name="connsiteY0" fmla="*/ 542140 h 6500326"/>
              <a:gd name="connsiteX1" fmla="*/ 9114809 w 11524112"/>
              <a:gd name="connsiteY1" fmla="*/ 0 h 6500326"/>
              <a:gd name="connsiteX2" fmla="*/ 11524112 w 11524112"/>
              <a:gd name="connsiteY2" fmla="*/ 6500326 h 6500326"/>
              <a:gd name="connsiteX3" fmla="*/ 331 w 11524112"/>
              <a:gd name="connsiteY3" fmla="*/ 6495386 h 6500326"/>
              <a:gd name="connsiteX4" fmla="*/ 0 w 11524112"/>
              <a:gd name="connsiteY4" fmla="*/ 542140 h 6500326"/>
              <a:gd name="connsiteX0" fmla="*/ 0 w 9114809"/>
              <a:gd name="connsiteY0" fmla="*/ 542140 h 6495385"/>
              <a:gd name="connsiteX1" fmla="*/ 9114809 w 9114809"/>
              <a:gd name="connsiteY1" fmla="*/ 0 h 6495385"/>
              <a:gd name="connsiteX2" fmla="*/ 8877165 w 9114809"/>
              <a:gd name="connsiteY2" fmla="*/ 5145825 h 6495385"/>
              <a:gd name="connsiteX3" fmla="*/ 331 w 9114809"/>
              <a:gd name="connsiteY3" fmla="*/ 6495386 h 6495385"/>
              <a:gd name="connsiteX4" fmla="*/ 0 w 9114809"/>
              <a:gd name="connsiteY4" fmla="*/ 542140 h 6495385"/>
              <a:gd name="connsiteX0" fmla="*/ 0 w 9114809"/>
              <a:gd name="connsiteY0" fmla="*/ 542140 h 5145825"/>
              <a:gd name="connsiteX1" fmla="*/ 9114809 w 9114809"/>
              <a:gd name="connsiteY1" fmla="*/ 0 h 5145825"/>
              <a:gd name="connsiteX2" fmla="*/ 8877165 w 9114809"/>
              <a:gd name="connsiteY2" fmla="*/ 5145825 h 5145825"/>
              <a:gd name="connsiteX3" fmla="*/ 497636 w 9114809"/>
              <a:gd name="connsiteY3" fmla="*/ 4695326 h 5145825"/>
              <a:gd name="connsiteX4" fmla="*/ 0 w 9114809"/>
              <a:gd name="connsiteY4" fmla="*/ 542140 h 5145825"/>
              <a:gd name="connsiteX0" fmla="*/ 0 w 9114809"/>
              <a:gd name="connsiteY0" fmla="*/ 542140 h 5497333"/>
              <a:gd name="connsiteX1" fmla="*/ 9114809 w 9114809"/>
              <a:gd name="connsiteY1" fmla="*/ 0 h 5497333"/>
              <a:gd name="connsiteX2" fmla="*/ 8877165 w 9114809"/>
              <a:gd name="connsiteY2" fmla="*/ 5145825 h 5497333"/>
              <a:gd name="connsiteX3" fmla="*/ 160752 w 9114809"/>
              <a:gd name="connsiteY3" fmla="*/ 5497333 h 5497333"/>
              <a:gd name="connsiteX4" fmla="*/ 0 w 9114809"/>
              <a:gd name="connsiteY4" fmla="*/ 542140 h 5497333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8877165 w 9114809"/>
              <a:gd name="connsiteY2" fmla="*/ 5145825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048615 w 9114809"/>
              <a:gd name="connsiteY2" fmla="*/ 5096442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086715 w 9114809"/>
              <a:gd name="connsiteY2" fmla="*/ 5099970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21640"/>
              <a:gd name="connsiteY0" fmla="*/ 542140 h 5677228"/>
              <a:gd name="connsiteX1" fmla="*/ 9114809 w 9121640"/>
              <a:gd name="connsiteY1" fmla="*/ 0 h 5677228"/>
              <a:gd name="connsiteX2" fmla="*/ 9121640 w 9121640"/>
              <a:gd name="connsiteY2" fmla="*/ 5099970 h 5677228"/>
              <a:gd name="connsiteX3" fmla="*/ 5177 w 9121640"/>
              <a:gd name="connsiteY3" fmla="*/ 5677228 h 5677228"/>
              <a:gd name="connsiteX4" fmla="*/ 0 w 9121640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102590 w 9114809"/>
              <a:gd name="connsiteY2" fmla="*/ 5096442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5290"/>
              <a:gd name="connsiteY0" fmla="*/ 542140 h 5677228"/>
              <a:gd name="connsiteX1" fmla="*/ 9114809 w 9115290"/>
              <a:gd name="connsiteY1" fmla="*/ 0 h 5677228"/>
              <a:gd name="connsiteX2" fmla="*/ 9115290 w 9115290"/>
              <a:gd name="connsiteY2" fmla="*/ 5099970 h 5677228"/>
              <a:gd name="connsiteX3" fmla="*/ 5177 w 9115290"/>
              <a:gd name="connsiteY3" fmla="*/ 5677228 h 5677228"/>
              <a:gd name="connsiteX4" fmla="*/ 0 w 9115290"/>
              <a:gd name="connsiteY4" fmla="*/ 542140 h 5677228"/>
              <a:gd name="connsiteX0" fmla="*/ 1179 w 9116469"/>
              <a:gd name="connsiteY0" fmla="*/ 542140 h 5680755"/>
              <a:gd name="connsiteX1" fmla="*/ 9115988 w 9116469"/>
              <a:gd name="connsiteY1" fmla="*/ 0 h 5680755"/>
              <a:gd name="connsiteX2" fmla="*/ 9116469 w 9116469"/>
              <a:gd name="connsiteY2" fmla="*/ 5099970 h 5680755"/>
              <a:gd name="connsiteX3" fmla="*/ 6 w 9116469"/>
              <a:gd name="connsiteY3" fmla="*/ 5680755 h 5680755"/>
              <a:gd name="connsiteX4" fmla="*/ 1179 w 9116469"/>
              <a:gd name="connsiteY4" fmla="*/ 542140 h 5680755"/>
              <a:gd name="connsiteX0" fmla="*/ 33753 w 9116465"/>
              <a:gd name="connsiteY0" fmla="*/ 0 h 6223363"/>
              <a:gd name="connsiteX1" fmla="*/ 9115984 w 9116465"/>
              <a:gd name="connsiteY1" fmla="*/ 542608 h 6223363"/>
              <a:gd name="connsiteX2" fmla="*/ 9116465 w 9116465"/>
              <a:gd name="connsiteY2" fmla="*/ 5642578 h 6223363"/>
              <a:gd name="connsiteX3" fmla="*/ 2 w 9116465"/>
              <a:gd name="connsiteY3" fmla="*/ 6223363 h 6223363"/>
              <a:gd name="connsiteX4" fmla="*/ 33753 w 9116465"/>
              <a:gd name="connsiteY4" fmla="*/ 0 h 6223363"/>
              <a:gd name="connsiteX0" fmla="*/ 0 w 9082712"/>
              <a:gd name="connsiteY0" fmla="*/ 0 h 5642577"/>
              <a:gd name="connsiteX1" fmla="*/ 9082231 w 9082712"/>
              <a:gd name="connsiteY1" fmla="*/ 542608 h 5642577"/>
              <a:gd name="connsiteX2" fmla="*/ 9082712 w 9082712"/>
              <a:gd name="connsiteY2" fmla="*/ 5642578 h 5642577"/>
              <a:gd name="connsiteX3" fmla="*/ 357188 w 9082712"/>
              <a:gd name="connsiteY3" fmla="*/ 4845905 h 5642577"/>
              <a:gd name="connsiteX4" fmla="*/ 0 w 9082712"/>
              <a:gd name="connsiteY4" fmla="*/ 0 h 5642577"/>
              <a:gd name="connsiteX0" fmla="*/ 0 w 9082712"/>
              <a:gd name="connsiteY0" fmla="*/ 0 h 5642578"/>
              <a:gd name="connsiteX1" fmla="*/ 9082231 w 9082712"/>
              <a:gd name="connsiteY1" fmla="*/ 542608 h 5642578"/>
              <a:gd name="connsiteX2" fmla="*/ 9082712 w 9082712"/>
              <a:gd name="connsiteY2" fmla="*/ 5642578 h 5642578"/>
              <a:gd name="connsiteX3" fmla="*/ 96562 w 9082712"/>
              <a:gd name="connsiteY3" fmla="*/ 4983652 h 5642578"/>
              <a:gd name="connsiteX4" fmla="*/ 0 w 9082712"/>
              <a:gd name="connsiteY4" fmla="*/ 0 h 5642578"/>
              <a:gd name="connsiteX0" fmla="*/ 0 w 9082712"/>
              <a:gd name="connsiteY0" fmla="*/ 0 h 5642578"/>
              <a:gd name="connsiteX1" fmla="*/ 4912221 w 9082712"/>
              <a:gd name="connsiteY1" fmla="*/ 301553 h 5642578"/>
              <a:gd name="connsiteX2" fmla="*/ 9082712 w 9082712"/>
              <a:gd name="connsiteY2" fmla="*/ 5642578 h 5642578"/>
              <a:gd name="connsiteX3" fmla="*/ 96562 w 9082712"/>
              <a:gd name="connsiteY3" fmla="*/ 4983652 h 5642578"/>
              <a:gd name="connsiteX4" fmla="*/ 0 w 9082712"/>
              <a:gd name="connsiteY4" fmla="*/ 0 h 5642578"/>
              <a:gd name="connsiteX0" fmla="*/ 0 w 4912221"/>
              <a:gd name="connsiteY0" fmla="*/ 0 h 5367087"/>
              <a:gd name="connsiteX1" fmla="*/ 4912221 w 4912221"/>
              <a:gd name="connsiteY1" fmla="*/ 301553 h 5367087"/>
              <a:gd name="connsiteX2" fmla="*/ 4652077 w 4912221"/>
              <a:gd name="connsiteY2" fmla="*/ 5367087 h 5367087"/>
              <a:gd name="connsiteX3" fmla="*/ 96562 w 4912221"/>
              <a:gd name="connsiteY3" fmla="*/ 4983652 h 5367087"/>
              <a:gd name="connsiteX4" fmla="*/ 0 w 4912221"/>
              <a:gd name="connsiteY4" fmla="*/ 0 h 5367087"/>
              <a:gd name="connsiteX0" fmla="*/ 0 w 4938917"/>
              <a:gd name="connsiteY0" fmla="*/ 0 h 5360032"/>
              <a:gd name="connsiteX1" fmla="*/ 4938917 w 4938917"/>
              <a:gd name="connsiteY1" fmla="*/ 294498 h 5360032"/>
              <a:gd name="connsiteX2" fmla="*/ 4678773 w 4938917"/>
              <a:gd name="connsiteY2" fmla="*/ 5360032 h 5360032"/>
              <a:gd name="connsiteX3" fmla="*/ 123258 w 4938917"/>
              <a:gd name="connsiteY3" fmla="*/ 4976597 h 5360032"/>
              <a:gd name="connsiteX4" fmla="*/ 0 w 4938917"/>
              <a:gd name="connsiteY4" fmla="*/ 0 h 5360032"/>
              <a:gd name="connsiteX0" fmla="*/ 0 w 4932243"/>
              <a:gd name="connsiteY0" fmla="*/ 0 h 5363559"/>
              <a:gd name="connsiteX1" fmla="*/ 4932243 w 4932243"/>
              <a:gd name="connsiteY1" fmla="*/ 298025 h 5363559"/>
              <a:gd name="connsiteX2" fmla="*/ 4672099 w 4932243"/>
              <a:gd name="connsiteY2" fmla="*/ 5363559 h 5363559"/>
              <a:gd name="connsiteX3" fmla="*/ 116584 w 4932243"/>
              <a:gd name="connsiteY3" fmla="*/ 4980124 h 5363559"/>
              <a:gd name="connsiteX4" fmla="*/ 0 w 4932243"/>
              <a:gd name="connsiteY4" fmla="*/ 0 h 5363559"/>
              <a:gd name="connsiteX0" fmla="*/ 10222 w 4942465"/>
              <a:gd name="connsiteY0" fmla="*/ 0 h 5363559"/>
              <a:gd name="connsiteX1" fmla="*/ 4942465 w 4942465"/>
              <a:gd name="connsiteY1" fmla="*/ 298025 h 5363559"/>
              <a:gd name="connsiteX2" fmla="*/ 4682321 w 4942465"/>
              <a:gd name="connsiteY2" fmla="*/ 5363559 h 5363559"/>
              <a:gd name="connsiteX3" fmla="*/ 0 w 4942465"/>
              <a:gd name="connsiteY3" fmla="*/ 5107108 h 5363559"/>
              <a:gd name="connsiteX4" fmla="*/ 10222 w 4942465"/>
              <a:gd name="connsiteY4" fmla="*/ 0 h 5363559"/>
              <a:gd name="connsiteX0" fmla="*/ 3550 w 4935793"/>
              <a:gd name="connsiteY0" fmla="*/ 0 h 5363559"/>
              <a:gd name="connsiteX1" fmla="*/ 4935793 w 4935793"/>
              <a:gd name="connsiteY1" fmla="*/ 298025 h 5363559"/>
              <a:gd name="connsiteX2" fmla="*/ 4675649 w 4935793"/>
              <a:gd name="connsiteY2" fmla="*/ 5363559 h 5363559"/>
              <a:gd name="connsiteX3" fmla="*/ 2 w 4935793"/>
              <a:gd name="connsiteY3" fmla="*/ 5107108 h 5363559"/>
              <a:gd name="connsiteX4" fmla="*/ 3550 w 4935793"/>
              <a:gd name="connsiteY4" fmla="*/ 0 h 5363559"/>
              <a:gd name="connsiteX0" fmla="*/ 0 w 4932243"/>
              <a:gd name="connsiteY0" fmla="*/ 0 h 5363559"/>
              <a:gd name="connsiteX1" fmla="*/ 4932243 w 4932243"/>
              <a:gd name="connsiteY1" fmla="*/ 298025 h 5363559"/>
              <a:gd name="connsiteX2" fmla="*/ 4672099 w 4932243"/>
              <a:gd name="connsiteY2" fmla="*/ 5363559 h 5363559"/>
              <a:gd name="connsiteX3" fmla="*/ 3126 w 4932243"/>
              <a:gd name="connsiteY3" fmla="*/ 5092999 h 5363559"/>
              <a:gd name="connsiteX4" fmla="*/ 0 w 4932243"/>
              <a:gd name="connsiteY4" fmla="*/ 0 h 5363559"/>
              <a:gd name="connsiteX0" fmla="*/ 0 w 4932243"/>
              <a:gd name="connsiteY0" fmla="*/ 0 h 5092999"/>
              <a:gd name="connsiteX1" fmla="*/ 4932243 w 4932243"/>
              <a:gd name="connsiteY1" fmla="*/ 298025 h 5092999"/>
              <a:gd name="connsiteX2" fmla="*/ 4832276 w 4932243"/>
              <a:gd name="connsiteY2" fmla="*/ 5024934 h 5092999"/>
              <a:gd name="connsiteX3" fmla="*/ 3126 w 4932243"/>
              <a:gd name="connsiteY3" fmla="*/ 5092999 h 5092999"/>
              <a:gd name="connsiteX4" fmla="*/ 0 w 4932243"/>
              <a:gd name="connsiteY4" fmla="*/ 0 h 5092999"/>
              <a:gd name="connsiteX0" fmla="*/ 0 w 5052375"/>
              <a:gd name="connsiteY0" fmla="*/ 0 h 5092999"/>
              <a:gd name="connsiteX1" fmla="*/ 5052375 w 5052375"/>
              <a:gd name="connsiteY1" fmla="*/ 209841 h 5092999"/>
              <a:gd name="connsiteX2" fmla="*/ 4832276 w 5052375"/>
              <a:gd name="connsiteY2" fmla="*/ 5024934 h 5092999"/>
              <a:gd name="connsiteX3" fmla="*/ 3126 w 5052375"/>
              <a:gd name="connsiteY3" fmla="*/ 5092999 h 5092999"/>
              <a:gd name="connsiteX4" fmla="*/ 0 w 5052375"/>
              <a:gd name="connsiteY4" fmla="*/ 0 h 5092999"/>
              <a:gd name="connsiteX0" fmla="*/ 10222 w 5062597"/>
              <a:gd name="connsiteY0" fmla="*/ 0 h 5100054"/>
              <a:gd name="connsiteX1" fmla="*/ 5062597 w 5062597"/>
              <a:gd name="connsiteY1" fmla="*/ 209841 h 5100054"/>
              <a:gd name="connsiteX2" fmla="*/ 4842498 w 5062597"/>
              <a:gd name="connsiteY2" fmla="*/ 5024934 h 5100054"/>
              <a:gd name="connsiteX3" fmla="*/ 0 w 5062597"/>
              <a:gd name="connsiteY3" fmla="*/ 5100054 h 5100054"/>
              <a:gd name="connsiteX4" fmla="*/ 10222 w 5062597"/>
              <a:gd name="connsiteY4" fmla="*/ 0 h 5100054"/>
              <a:gd name="connsiteX0" fmla="*/ 0 w 5052375"/>
              <a:gd name="connsiteY0" fmla="*/ 0 h 5103581"/>
              <a:gd name="connsiteX1" fmla="*/ 5052375 w 5052375"/>
              <a:gd name="connsiteY1" fmla="*/ 209841 h 5103581"/>
              <a:gd name="connsiteX2" fmla="*/ 4832276 w 5052375"/>
              <a:gd name="connsiteY2" fmla="*/ 5024934 h 5103581"/>
              <a:gd name="connsiteX3" fmla="*/ 3126 w 5052375"/>
              <a:gd name="connsiteY3" fmla="*/ 5103581 h 5103581"/>
              <a:gd name="connsiteX4" fmla="*/ 0 w 5052375"/>
              <a:gd name="connsiteY4" fmla="*/ 0 h 5103581"/>
              <a:gd name="connsiteX0" fmla="*/ 0 w 5052375"/>
              <a:gd name="connsiteY0" fmla="*/ 0 h 5303905"/>
              <a:gd name="connsiteX1" fmla="*/ 5052375 w 5052375"/>
              <a:gd name="connsiteY1" fmla="*/ 209841 h 5303905"/>
              <a:gd name="connsiteX2" fmla="*/ 5041417 w 5052375"/>
              <a:gd name="connsiteY2" fmla="*/ 5303905 h 5303905"/>
              <a:gd name="connsiteX3" fmla="*/ 3126 w 5052375"/>
              <a:gd name="connsiteY3" fmla="*/ 5103581 h 5303905"/>
              <a:gd name="connsiteX4" fmla="*/ 0 w 5052375"/>
              <a:gd name="connsiteY4" fmla="*/ 0 h 5303905"/>
              <a:gd name="connsiteX0" fmla="*/ 0 w 5052388"/>
              <a:gd name="connsiteY0" fmla="*/ 0 h 5314433"/>
              <a:gd name="connsiteX1" fmla="*/ 5052375 w 5052388"/>
              <a:gd name="connsiteY1" fmla="*/ 209841 h 5314433"/>
              <a:gd name="connsiteX2" fmla="*/ 5051377 w 5052388"/>
              <a:gd name="connsiteY2" fmla="*/ 5314433 h 5314433"/>
              <a:gd name="connsiteX3" fmla="*/ 3126 w 5052388"/>
              <a:gd name="connsiteY3" fmla="*/ 5103581 h 5314433"/>
              <a:gd name="connsiteX4" fmla="*/ 0 w 5052388"/>
              <a:gd name="connsiteY4" fmla="*/ 0 h 53144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052388" h="5314433">
                <a:moveTo>
                  <a:pt x="0" y="0"/>
                </a:moveTo>
                <a:lnTo>
                  <a:pt x="5052375" y="209841"/>
                </a:lnTo>
                <a:cubicBezTo>
                  <a:pt x="5052535" y="1909831"/>
                  <a:pt x="5051217" y="3614443"/>
                  <a:pt x="5051377" y="5314433"/>
                </a:cubicBezTo>
                <a:lnTo>
                  <a:pt x="3126" y="5103581"/>
                </a:lnTo>
                <a:cubicBezTo>
                  <a:pt x="3016" y="3117990"/>
                  <a:pt x="110" y="1985591"/>
                  <a:pt x="0" y="0"/>
                </a:cubicBezTo>
                <a:close/>
              </a:path>
            </a:pathLst>
          </a:custGeom>
          <a:solidFill>
            <a:srgbClr val="2553A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14203" y="1409570"/>
            <a:ext cx="8750684" cy="1493572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algn="l">
              <a:defRPr lang="da-DK" sz="4867" spc="0" baseline="0" smtClean="0">
                <a:solidFill>
                  <a:schemeClr val="bg1"/>
                </a:solidFill>
                <a:effectLst/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14203" y="3039227"/>
            <a:ext cx="8750684" cy="1651340"/>
          </a:xfrm>
          <a:prstGeom prst="rect">
            <a:avLst/>
          </a:prstGeom>
        </p:spPr>
        <p:txBody>
          <a:bodyPr anchor="ctr" anchorCtr="0"/>
          <a:lstStyle>
            <a:lvl1pPr marL="0" indent="0" algn="l">
              <a:buNone/>
              <a:defRPr lang="da-DK" sz="2751" smtClean="0">
                <a:solidFill>
                  <a:schemeClr val="bg1"/>
                </a:solidFill>
                <a:effectLst/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457064" indent="0" algn="ctr">
              <a:buNone/>
              <a:defRPr sz="2000"/>
            </a:lvl2pPr>
            <a:lvl3pPr marL="914130" indent="0" algn="ctr">
              <a:buNone/>
              <a:defRPr sz="1800"/>
            </a:lvl3pPr>
            <a:lvl4pPr marL="1371194" indent="0" algn="ctr">
              <a:buNone/>
              <a:defRPr sz="1600"/>
            </a:lvl4pPr>
            <a:lvl5pPr marL="1828259" indent="0" algn="ctr">
              <a:buNone/>
              <a:defRPr sz="1600"/>
            </a:lvl5pPr>
            <a:lvl6pPr marL="2285323" indent="0" algn="ctr">
              <a:buNone/>
              <a:defRPr sz="1600"/>
            </a:lvl6pPr>
            <a:lvl7pPr marL="2742389" indent="0" algn="ctr">
              <a:buNone/>
              <a:defRPr sz="1600"/>
            </a:lvl7pPr>
            <a:lvl8pPr marL="3199453" indent="0" algn="ctr">
              <a:buNone/>
              <a:defRPr sz="1600"/>
            </a:lvl8pPr>
            <a:lvl9pPr marL="3656518" indent="0" algn="ctr">
              <a:buNone/>
              <a:defRPr sz="1600"/>
            </a:lvl9pPr>
          </a:lstStyle>
          <a:p>
            <a:r>
              <a:rPr lang="da-DK" dirty="0"/>
              <a:t>Klik for at tilføje undertitel</a:t>
            </a:r>
          </a:p>
        </p:txBody>
      </p:sp>
    </p:spTree>
    <p:extLst>
      <p:ext uri="{BB962C8B-B14F-4D97-AF65-F5344CB8AC3E}">
        <p14:creationId xmlns:p14="http://schemas.microsoft.com/office/powerpoint/2010/main" val="352767698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slide, grå br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reeform 9">
            <a:extLst>
              <a:ext uri="{FF2B5EF4-FFF2-40B4-BE49-F238E27FC236}">
                <a16:creationId xmlns:a16="http://schemas.microsoft.com/office/drawing/2014/main" id="{18600839-B2D6-B14A-8F73-EA6A67D4E83C}"/>
              </a:ext>
            </a:extLst>
          </p:cNvPr>
          <p:cNvSpPr/>
          <p:nvPr userDrawn="1"/>
        </p:nvSpPr>
        <p:spPr>
          <a:xfrm>
            <a:off x="0" y="763635"/>
            <a:ext cx="9645342" cy="5411436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112"/>
              <a:gd name="connsiteY0" fmla="*/ 542140 h 6500326"/>
              <a:gd name="connsiteX1" fmla="*/ 9114809 w 11524112"/>
              <a:gd name="connsiteY1" fmla="*/ 0 h 6500326"/>
              <a:gd name="connsiteX2" fmla="*/ 11524112 w 11524112"/>
              <a:gd name="connsiteY2" fmla="*/ 6500326 h 6500326"/>
              <a:gd name="connsiteX3" fmla="*/ 331 w 11524112"/>
              <a:gd name="connsiteY3" fmla="*/ 6495386 h 6500326"/>
              <a:gd name="connsiteX4" fmla="*/ 0 w 11524112"/>
              <a:gd name="connsiteY4" fmla="*/ 542140 h 6500326"/>
              <a:gd name="connsiteX0" fmla="*/ 0 w 9114809"/>
              <a:gd name="connsiteY0" fmla="*/ 542140 h 6495385"/>
              <a:gd name="connsiteX1" fmla="*/ 9114809 w 9114809"/>
              <a:gd name="connsiteY1" fmla="*/ 0 h 6495385"/>
              <a:gd name="connsiteX2" fmla="*/ 8877165 w 9114809"/>
              <a:gd name="connsiteY2" fmla="*/ 5145825 h 6495385"/>
              <a:gd name="connsiteX3" fmla="*/ 331 w 9114809"/>
              <a:gd name="connsiteY3" fmla="*/ 6495386 h 6495385"/>
              <a:gd name="connsiteX4" fmla="*/ 0 w 9114809"/>
              <a:gd name="connsiteY4" fmla="*/ 542140 h 6495385"/>
              <a:gd name="connsiteX0" fmla="*/ 0 w 9114809"/>
              <a:gd name="connsiteY0" fmla="*/ 542140 h 5145825"/>
              <a:gd name="connsiteX1" fmla="*/ 9114809 w 9114809"/>
              <a:gd name="connsiteY1" fmla="*/ 0 h 5145825"/>
              <a:gd name="connsiteX2" fmla="*/ 8877165 w 9114809"/>
              <a:gd name="connsiteY2" fmla="*/ 5145825 h 5145825"/>
              <a:gd name="connsiteX3" fmla="*/ 497636 w 9114809"/>
              <a:gd name="connsiteY3" fmla="*/ 4695326 h 5145825"/>
              <a:gd name="connsiteX4" fmla="*/ 0 w 9114809"/>
              <a:gd name="connsiteY4" fmla="*/ 542140 h 5145825"/>
              <a:gd name="connsiteX0" fmla="*/ 0 w 9114809"/>
              <a:gd name="connsiteY0" fmla="*/ 542140 h 5497333"/>
              <a:gd name="connsiteX1" fmla="*/ 9114809 w 9114809"/>
              <a:gd name="connsiteY1" fmla="*/ 0 h 5497333"/>
              <a:gd name="connsiteX2" fmla="*/ 8877165 w 9114809"/>
              <a:gd name="connsiteY2" fmla="*/ 5145825 h 5497333"/>
              <a:gd name="connsiteX3" fmla="*/ 160752 w 9114809"/>
              <a:gd name="connsiteY3" fmla="*/ 5497333 h 5497333"/>
              <a:gd name="connsiteX4" fmla="*/ 0 w 9114809"/>
              <a:gd name="connsiteY4" fmla="*/ 542140 h 5497333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8877165 w 9114809"/>
              <a:gd name="connsiteY2" fmla="*/ 5145825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048615 w 9114809"/>
              <a:gd name="connsiteY2" fmla="*/ 5096442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086715 w 9114809"/>
              <a:gd name="connsiteY2" fmla="*/ 5099970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21640"/>
              <a:gd name="connsiteY0" fmla="*/ 542140 h 5677228"/>
              <a:gd name="connsiteX1" fmla="*/ 9114809 w 9121640"/>
              <a:gd name="connsiteY1" fmla="*/ 0 h 5677228"/>
              <a:gd name="connsiteX2" fmla="*/ 9121640 w 9121640"/>
              <a:gd name="connsiteY2" fmla="*/ 5099970 h 5677228"/>
              <a:gd name="connsiteX3" fmla="*/ 5177 w 9121640"/>
              <a:gd name="connsiteY3" fmla="*/ 5677228 h 5677228"/>
              <a:gd name="connsiteX4" fmla="*/ 0 w 9121640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102590 w 9114809"/>
              <a:gd name="connsiteY2" fmla="*/ 5096442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5290"/>
              <a:gd name="connsiteY0" fmla="*/ 542140 h 5677228"/>
              <a:gd name="connsiteX1" fmla="*/ 9114809 w 9115290"/>
              <a:gd name="connsiteY1" fmla="*/ 0 h 5677228"/>
              <a:gd name="connsiteX2" fmla="*/ 9115290 w 9115290"/>
              <a:gd name="connsiteY2" fmla="*/ 5099970 h 5677228"/>
              <a:gd name="connsiteX3" fmla="*/ 5177 w 9115290"/>
              <a:gd name="connsiteY3" fmla="*/ 5677228 h 5677228"/>
              <a:gd name="connsiteX4" fmla="*/ 0 w 9115290"/>
              <a:gd name="connsiteY4" fmla="*/ 542140 h 5677228"/>
              <a:gd name="connsiteX0" fmla="*/ 1179 w 9116469"/>
              <a:gd name="connsiteY0" fmla="*/ 542140 h 5680755"/>
              <a:gd name="connsiteX1" fmla="*/ 9115988 w 9116469"/>
              <a:gd name="connsiteY1" fmla="*/ 0 h 5680755"/>
              <a:gd name="connsiteX2" fmla="*/ 9116469 w 9116469"/>
              <a:gd name="connsiteY2" fmla="*/ 5099970 h 5680755"/>
              <a:gd name="connsiteX3" fmla="*/ 6 w 9116469"/>
              <a:gd name="connsiteY3" fmla="*/ 5680755 h 5680755"/>
              <a:gd name="connsiteX4" fmla="*/ 1179 w 9116469"/>
              <a:gd name="connsiteY4" fmla="*/ 542140 h 56807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16469" h="5680755">
                <a:moveTo>
                  <a:pt x="1179" y="542140"/>
                </a:moveTo>
                <a:lnTo>
                  <a:pt x="9115988" y="0"/>
                </a:lnTo>
                <a:cubicBezTo>
                  <a:pt x="9116148" y="1699990"/>
                  <a:pt x="9116309" y="3399980"/>
                  <a:pt x="9116469" y="5099970"/>
                </a:cubicBezTo>
                <a:lnTo>
                  <a:pt x="6" y="5680755"/>
                </a:lnTo>
                <a:cubicBezTo>
                  <a:pt x="-104" y="3695164"/>
                  <a:pt x="1289" y="2527731"/>
                  <a:pt x="1179" y="542140"/>
                </a:cubicBezTo>
                <a:close/>
              </a:path>
            </a:pathLst>
          </a:custGeom>
          <a:solidFill>
            <a:srgbClr val="B3B4B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14" name="Freeform 13">
            <a:extLst>
              <a:ext uri="{FF2B5EF4-FFF2-40B4-BE49-F238E27FC236}">
                <a16:creationId xmlns:a16="http://schemas.microsoft.com/office/drawing/2014/main" id="{F13D60E0-B7D1-FE40-9A2F-8EF31BA5F1CF}"/>
              </a:ext>
            </a:extLst>
          </p:cNvPr>
          <p:cNvSpPr/>
          <p:nvPr userDrawn="1"/>
        </p:nvSpPr>
        <p:spPr>
          <a:xfrm>
            <a:off x="9644093" y="762663"/>
            <a:ext cx="2542990" cy="5062482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112"/>
              <a:gd name="connsiteY0" fmla="*/ 542140 h 6500326"/>
              <a:gd name="connsiteX1" fmla="*/ 9114809 w 11524112"/>
              <a:gd name="connsiteY1" fmla="*/ 0 h 6500326"/>
              <a:gd name="connsiteX2" fmla="*/ 11524112 w 11524112"/>
              <a:gd name="connsiteY2" fmla="*/ 6500326 h 6500326"/>
              <a:gd name="connsiteX3" fmla="*/ 331 w 11524112"/>
              <a:gd name="connsiteY3" fmla="*/ 6495386 h 6500326"/>
              <a:gd name="connsiteX4" fmla="*/ 0 w 11524112"/>
              <a:gd name="connsiteY4" fmla="*/ 542140 h 6500326"/>
              <a:gd name="connsiteX0" fmla="*/ 0 w 9114809"/>
              <a:gd name="connsiteY0" fmla="*/ 542140 h 6495385"/>
              <a:gd name="connsiteX1" fmla="*/ 9114809 w 9114809"/>
              <a:gd name="connsiteY1" fmla="*/ 0 h 6495385"/>
              <a:gd name="connsiteX2" fmla="*/ 8877165 w 9114809"/>
              <a:gd name="connsiteY2" fmla="*/ 5145825 h 6495385"/>
              <a:gd name="connsiteX3" fmla="*/ 331 w 9114809"/>
              <a:gd name="connsiteY3" fmla="*/ 6495386 h 6495385"/>
              <a:gd name="connsiteX4" fmla="*/ 0 w 9114809"/>
              <a:gd name="connsiteY4" fmla="*/ 542140 h 6495385"/>
              <a:gd name="connsiteX0" fmla="*/ 0 w 9114809"/>
              <a:gd name="connsiteY0" fmla="*/ 542140 h 5145825"/>
              <a:gd name="connsiteX1" fmla="*/ 9114809 w 9114809"/>
              <a:gd name="connsiteY1" fmla="*/ 0 h 5145825"/>
              <a:gd name="connsiteX2" fmla="*/ 8877165 w 9114809"/>
              <a:gd name="connsiteY2" fmla="*/ 5145825 h 5145825"/>
              <a:gd name="connsiteX3" fmla="*/ 497636 w 9114809"/>
              <a:gd name="connsiteY3" fmla="*/ 4695326 h 5145825"/>
              <a:gd name="connsiteX4" fmla="*/ 0 w 9114809"/>
              <a:gd name="connsiteY4" fmla="*/ 542140 h 5145825"/>
              <a:gd name="connsiteX0" fmla="*/ 0 w 9114809"/>
              <a:gd name="connsiteY0" fmla="*/ 542140 h 5497333"/>
              <a:gd name="connsiteX1" fmla="*/ 9114809 w 9114809"/>
              <a:gd name="connsiteY1" fmla="*/ 0 h 5497333"/>
              <a:gd name="connsiteX2" fmla="*/ 8877165 w 9114809"/>
              <a:gd name="connsiteY2" fmla="*/ 5145825 h 5497333"/>
              <a:gd name="connsiteX3" fmla="*/ 160752 w 9114809"/>
              <a:gd name="connsiteY3" fmla="*/ 5497333 h 5497333"/>
              <a:gd name="connsiteX4" fmla="*/ 0 w 9114809"/>
              <a:gd name="connsiteY4" fmla="*/ 542140 h 5497333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8877165 w 9114809"/>
              <a:gd name="connsiteY2" fmla="*/ 5145825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048615 w 9114809"/>
              <a:gd name="connsiteY2" fmla="*/ 5096442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086715 w 9114809"/>
              <a:gd name="connsiteY2" fmla="*/ 5099970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21640"/>
              <a:gd name="connsiteY0" fmla="*/ 542140 h 5677228"/>
              <a:gd name="connsiteX1" fmla="*/ 9114809 w 9121640"/>
              <a:gd name="connsiteY1" fmla="*/ 0 h 5677228"/>
              <a:gd name="connsiteX2" fmla="*/ 9121640 w 9121640"/>
              <a:gd name="connsiteY2" fmla="*/ 5099970 h 5677228"/>
              <a:gd name="connsiteX3" fmla="*/ 5177 w 9121640"/>
              <a:gd name="connsiteY3" fmla="*/ 5677228 h 5677228"/>
              <a:gd name="connsiteX4" fmla="*/ 0 w 9121640"/>
              <a:gd name="connsiteY4" fmla="*/ 542140 h 5677228"/>
              <a:gd name="connsiteX0" fmla="*/ 0 w 9114809"/>
              <a:gd name="connsiteY0" fmla="*/ 542140 h 5677228"/>
              <a:gd name="connsiteX1" fmla="*/ 9114809 w 9114809"/>
              <a:gd name="connsiteY1" fmla="*/ 0 h 5677228"/>
              <a:gd name="connsiteX2" fmla="*/ 9102590 w 9114809"/>
              <a:gd name="connsiteY2" fmla="*/ 5096442 h 5677228"/>
              <a:gd name="connsiteX3" fmla="*/ 5177 w 9114809"/>
              <a:gd name="connsiteY3" fmla="*/ 5677228 h 5677228"/>
              <a:gd name="connsiteX4" fmla="*/ 0 w 9114809"/>
              <a:gd name="connsiteY4" fmla="*/ 542140 h 5677228"/>
              <a:gd name="connsiteX0" fmla="*/ 0 w 9115290"/>
              <a:gd name="connsiteY0" fmla="*/ 542140 h 5677228"/>
              <a:gd name="connsiteX1" fmla="*/ 9114809 w 9115290"/>
              <a:gd name="connsiteY1" fmla="*/ 0 h 5677228"/>
              <a:gd name="connsiteX2" fmla="*/ 9115290 w 9115290"/>
              <a:gd name="connsiteY2" fmla="*/ 5099970 h 5677228"/>
              <a:gd name="connsiteX3" fmla="*/ 5177 w 9115290"/>
              <a:gd name="connsiteY3" fmla="*/ 5677228 h 5677228"/>
              <a:gd name="connsiteX4" fmla="*/ 0 w 9115290"/>
              <a:gd name="connsiteY4" fmla="*/ 542140 h 5677228"/>
              <a:gd name="connsiteX0" fmla="*/ 1179 w 9116469"/>
              <a:gd name="connsiteY0" fmla="*/ 542140 h 5680755"/>
              <a:gd name="connsiteX1" fmla="*/ 9115988 w 9116469"/>
              <a:gd name="connsiteY1" fmla="*/ 0 h 5680755"/>
              <a:gd name="connsiteX2" fmla="*/ 9116469 w 9116469"/>
              <a:gd name="connsiteY2" fmla="*/ 5099970 h 5680755"/>
              <a:gd name="connsiteX3" fmla="*/ 6 w 9116469"/>
              <a:gd name="connsiteY3" fmla="*/ 5680755 h 5680755"/>
              <a:gd name="connsiteX4" fmla="*/ 1179 w 9116469"/>
              <a:gd name="connsiteY4" fmla="*/ 542140 h 5680755"/>
              <a:gd name="connsiteX0" fmla="*/ 33753 w 9116465"/>
              <a:gd name="connsiteY0" fmla="*/ 0 h 6223363"/>
              <a:gd name="connsiteX1" fmla="*/ 9115984 w 9116465"/>
              <a:gd name="connsiteY1" fmla="*/ 542608 h 6223363"/>
              <a:gd name="connsiteX2" fmla="*/ 9116465 w 9116465"/>
              <a:gd name="connsiteY2" fmla="*/ 5642578 h 6223363"/>
              <a:gd name="connsiteX3" fmla="*/ 2 w 9116465"/>
              <a:gd name="connsiteY3" fmla="*/ 6223363 h 6223363"/>
              <a:gd name="connsiteX4" fmla="*/ 33753 w 9116465"/>
              <a:gd name="connsiteY4" fmla="*/ 0 h 6223363"/>
              <a:gd name="connsiteX0" fmla="*/ 0 w 9082712"/>
              <a:gd name="connsiteY0" fmla="*/ 0 h 5642577"/>
              <a:gd name="connsiteX1" fmla="*/ 9082231 w 9082712"/>
              <a:gd name="connsiteY1" fmla="*/ 542608 h 5642577"/>
              <a:gd name="connsiteX2" fmla="*/ 9082712 w 9082712"/>
              <a:gd name="connsiteY2" fmla="*/ 5642578 h 5642577"/>
              <a:gd name="connsiteX3" fmla="*/ 357188 w 9082712"/>
              <a:gd name="connsiteY3" fmla="*/ 4845905 h 5642577"/>
              <a:gd name="connsiteX4" fmla="*/ 0 w 9082712"/>
              <a:gd name="connsiteY4" fmla="*/ 0 h 5642577"/>
              <a:gd name="connsiteX0" fmla="*/ 0 w 9082712"/>
              <a:gd name="connsiteY0" fmla="*/ 0 h 5642578"/>
              <a:gd name="connsiteX1" fmla="*/ 9082231 w 9082712"/>
              <a:gd name="connsiteY1" fmla="*/ 542608 h 5642578"/>
              <a:gd name="connsiteX2" fmla="*/ 9082712 w 9082712"/>
              <a:gd name="connsiteY2" fmla="*/ 5642578 h 5642578"/>
              <a:gd name="connsiteX3" fmla="*/ 96562 w 9082712"/>
              <a:gd name="connsiteY3" fmla="*/ 4983652 h 5642578"/>
              <a:gd name="connsiteX4" fmla="*/ 0 w 9082712"/>
              <a:gd name="connsiteY4" fmla="*/ 0 h 5642578"/>
              <a:gd name="connsiteX0" fmla="*/ 0 w 9082712"/>
              <a:gd name="connsiteY0" fmla="*/ 0 h 5642578"/>
              <a:gd name="connsiteX1" fmla="*/ 4912221 w 9082712"/>
              <a:gd name="connsiteY1" fmla="*/ 301553 h 5642578"/>
              <a:gd name="connsiteX2" fmla="*/ 9082712 w 9082712"/>
              <a:gd name="connsiteY2" fmla="*/ 5642578 h 5642578"/>
              <a:gd name="connsiteX3" fmla="*/ 96562 w 9082712"/>
              <a:gd name="connsiteY3" fmla="*/ 4983652 h 5642578"/>
              <a:gd name="connsiteX4" fmla="*/ 0 w 9082712"/>
              <a:gd name="connsiteY4" fmla="*/ 0 h 5642578"/>
              <a:gd name="connsiteX0" fmla="*/ 0 w 4912221"/>
              <a:gd name="connsiteY0" fmla="*/ 0 h 5367087"/>
              <a:gd name="connsiteX1" fmla="*/ 4912221 w 4912221"/>
              <a:gd name="connsiteY1" fmla="*/ 301553 h 5367087"/>
              <a:gd name="connsiteX2" fmla="*/ 4652077 w 4912221"/>
              <a:gd name="connsiteY2" fmla="*/ 5367087 h 5367087"/>
              <a:gd name="connsiteX3" fmla="*/ 96562 w 4912221"/>
              <a:gd name="connsiteY3" fmla="*/ 4983652 h 5367087"/>
              <a:gd name="connsiteX4" fmla="*/ 0 w 4912221"/>
              <a:gd name="connsiteY4" fmla="*/ 0 h 5367087"/>
              <a:gd name="connsiteX0" fmla="*/ 0 w 4938917"/>
              <a:gd name="connsiteY0" fmla="*/ 0 h 5360032"/>
              <a:gd name="connsiteX1" fmla="*/ 4938917 w 4938917"/>
              <a:gd name="connsiteY1" fmla="*/ 294498 h 5360032"/>
              <a:gd name="connsiteX2" fmla="*/ 4678773 w 4938917"/>
              <a:gd name="connsiteY2" fmla="*/ 5360032 h 5360032"/>
              <a:gd name="connsiteX3" fmla="*/ 123258 w 4938917"/>
              <a:gd name="connsiteY3" fmla="*/ 4976597 h 5360032"/>
              <a:gd name="connsiteX4" fmla="*/ 0 w 4938917"/>
              <a:gd name="connsiteY4" fmla="*/ 0 h 5360032"/>
              <a:gd name="connsiteX0" fmla="*/ 0 w 4932243"/>
              <a:gd name="connsiteY0" fmla="*/ 0 h 5363559"/>
              <a:gd name="connsiteX1" fmla="*/ 4932243 w 4932243"/>
              <a:gd name="connsiteY1" fmla="*/ 298025 h 5363559"/>
              <a:gd name="connsiteX2" fmla="*/ 4672099 w 4932243"/>
              <a:gd name="connsiteY2" fmla="*/ 5363559 h 5363559"/>
              <a:gd name="connsiteX3" fmla="*/ 116584 w 4932243"/>
              <a:gd name="connsiteY3" fmla="*/ 4980124 h 5363559"/>
              <a:gd name="connsiteX4" fmla="*/ 0 w 4932243"/>
              <a:gd name="connsiteY4" fmla="*/ 0 h 5363559"/>
              <a:gd name="connsiteX0" fmla="*/ 10222 w 4942465"/>
              <a:gd name="connsiteY0" fmla="*/ 0 h 5363559"/>
              <a:gd name="connsiteX1" fmla="*/ 4942465 w 4942465"/>
              <a:gd name="connsiteY1" fmla="*/ 298025 h 5363559"/>
              <a:gd name="connsiteX2" fmla="*/ 4682321 w 4942465"/>
              <a:gd name="connsiteY2" fmla="*/ 5363559 h 5363559"/>
              <a:gd name="connsiteX3" fmla="*/ 0 w 4942465"/>
              <a:gd name="connsiteY3" fmla="*/ 5107108 h 5363559"/>
              <a:gd name="connsiteX4" fmla="*/ 10222 w 4942465"/>
              <a:gd name="connsiteY4" fmla="*/ 0 h 5363559"/>
              <a:gd name="connsiteX0" fmla="*/ 3550 w 4935793"/>
              <a:gd name="connsiteY0" fmla="*/ 0 h 5363559"/>
              <a:gd name="connsiteX1" fmla="*/ 4935793 w 4935793"/>
              <a:gd name="connsiteY1" fmla="*/ 298025 h 5363559"/>
              <a:gd name="connsiteX2" fmla="*/ 4675649 w 4935793"/>
              <a:gd name="connsiteY2" fmla="*/ 5363559 h 5363559"/>
              <a:gd name="connsiteX3" fmla="*/ 2 w 4935793"/>
              <a:gd name="connsiteY3" fmla="*/ 5107108 h 5363559"/>
              <a:gd name="connsiteX4" fmla="*/ 3550 w 4935793"/>
              <a:gd name="connsiteY4" fmla="*/ 0 h 5363559"/>
              <a:gd name="connsiteX0" fmla="*/ 0 w 4932243"/>
              <a:gd name="connsiteY0" fmla="*/ 0 h 5363559"/>
              <a:gd name="connsiteX1" fmla="*/ 4932243 w 4932243"/>
              <a:gd name="connsiteY1" fmla="*/ 298025 h 5363559"/>
              <a:gd name="connsiteX2" fmla="*/ 4672099 w 4932243"/>
              <a:gd name="connsiteY2" fmla="*/ 5363559 h 5363559"/>
              <a:gd name="connsiteX3" fmla="*/ 3126 w 4932243"/>
              <a:gd name="connsiteY3" fmla="*/ 5092999 h 5363559"/>
              <a:gd name="connsiteX4" fmla="*/ 0 w 4932243"/>
              <a:gd name="connsiteY4" fmla="*/ 0 h 5363559"/>
              <a:gd name="connsiteX0" fmla="*/ 0 w 4932243"/>
              <a:gd name="connsiteY0" fmla="*/ 0 h 5092999"/>
              <a:gd name="connsiteX1" fmla="*/ 4932243 w 4932243"/>
              <a:gd name="connsiteY1" fmla="*/ 298025 h 5092999"/>
              <a:gd name="connsiteX2" fmla="*/ 4832276 w 4932243"/>
              <a:gd name="connsiteY2" fmla="*/ 5024934 h 5092999"/>
              <a:gd name="connsiteX3" fmla="*/ 3126 w 4932243"/>
              <a:gd name="connsiteY3" fmla="*/ 5092999 h 5092999"/>
              <a:gd name="connsiteX4" fmla="*/ 0 w 4932243"/>
              <a:gd name="connsiteY4" fmla="*/ 0 h 5092999"/>
              <a:gd name="connsiteX0" fmla="*/ 0 w 5052375"/>
              <a:gd name="connsiteY0" fmla="*/ 0 h 5092999"/>
              <a:gd name="connsiteX1" fmla="*/ 5052375 w 5052375"/>
              <a:gd name="connsiteY1" fmla="*/ 209841 h 5092999"/>
              <a:gd name="connsiteX2" fmla="*/ 4832276 w 5052375"/>
              <a:gd name="connsiteY2" fmla="*/ 5024934 h 5092999"/>
              <a:gd name="connsiteX3" fmla="*/ 3126 w 5052375"/>
              <a:gd name="connsiteY3" fmla="*/ 5092999 h 5092999"/>
              <a:gd name="connsiteX4" fmla="*/ 0 w 5052375"/>
              <a:gd name="connsiteY4" fmla="*/ 0 h 5092999"/>
              <a:gd name="connsiteX0" fmla="*/ 10222 w 5062597"/>
              <a:gd name="connsiteY0" fmla="*/ 0 h 5100054"/>
              <a:gd name="connsiteX1" fmla="*/ 5062597 w 5062597"/>
              <a:gd name="connsiteY1" fmla="*/ 209841 h 5100054"/>
              <a:gd name="connsiteX2" fmla="*/ 4842498 w 5062597"/>
              <a:gd name="connsiteY2" fmla="*/ 5024934 h 5100054"/>
              <a:gd name="connsiteX3" fmla="*/ 0 w 5062597"/>
              <a:gd name="connsiteY3" fmla="*/ 5100054 h 5100054"/>
              <a:gd name="connsiteX4" fmla="*/ 10222 w 5062597"/>
              <a:gd name="connsiteY4" fmla="*/ 0 h 5100054"/>
              <a:gd name="connsiteX0" fmla="*/ 0 w 5052375"/>
              <a:gd name="connsiteY0" fmla="*/ 0 h 5103581"/>
              <a:gd name="connsiteX1" fmla="*/ 5052375 w 5052375"/>
              <a:gd name="connsiteY1" fmla="*/ 209841 h 5103581"/>
              <a:gd name="connsiteX2" fmla="*/ 4832276 w 5052375"/>
              <a:gd name="connsiteY2" fmla="*/ 5024934 h 5103581"/>
              <a:gd name="connsiteX3" fmla="*/ 3126 w 5052375"/>
              <a:gd name="connsiteY3" fmla="*/ 5103581 h 5103581"/>
              <a:gd name="connsiteX4" fmla="*/ 0 w 5052375"/>
              <a:gd name="connsiteY4" fmla="*/ 0 h 5103581"/>
              <a:gd name="connsiteX0" fmla="*/ 0 w 5052375"/>
              <a:gd name="connsiteY0" fmla="*/ 0 h 5303905"/>
              <a:gd name="connsiteX1" fmla="*/ 5052375 w 5052375"/>
              <a:gd name="connsiteY1" fmla="*/ 209841 h 5303905"/>
              <a:gd name="connsiteX2" fmla="*/ 5041417 w 5052375"/>
              <a:gd name="connsiteY2" fmla="*/ 5303905 h 5303905"/>
              <a:gd name="connsiteX3" fmla="*/ 3126 w 5052375"/>
              <a:gd name="connsiteY3" fmla="*/ 5103581 h 5303905"/>
              <a:gd name="connsiteX4" fmla="*/ 0 w 5052375"/>
              <a:gd name="connsiteY4" fmla="*/ 0 h 5303905"/>
              <a:gd name="connsiteX0" fmla="*/ 0 w 5052388"/>
              <a:gd name="connsiteY0" fmla="*/ 0 h 5314433"/>
              <a:gd name="connsiteX1" fmla="*/ 5052375 w 5052388"/>
              <a:gd name="connsiteY1" fmla="*/ 209841 h 5314433"/>
              <a:gd name="connsiteX2" fmla="*/ 5051377 w 5052388"/>
              <a:gd name="connsiteY2" fmla="*/ 5314433 h 5314433"/>
              <a:gd name="connsiteX3" fmla="*/ 3126 w 5052388"/>
              <a:gd name="connsiteY3" fmla="*/ 5103581 h 5314433"/>
              <a:gd name="connsiteX4" fmla="*/ 0 w 5052388"/>
              <a:gd name="connsiteY4" fmla="*/ 0 h 53144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052388" h="5314433">
                <a:moveTo>
                  <a:pt x="0" y="0"/>
                </a:moveTo>
                <a:lnTo>
                  <a:pt x="5052375" y="209841"/>
                </a:lnTo>
                <a:cubicBezTo>
                  <a:pt x="5052535" y="1909831"/>
                  <a:pt x="5051217" y="3614443"/>
                  <a:pt x="5051377" y="5314433"/>
                </a:cubicBezTo>
                <a:lnTo>
                  <a:pt x="3126" y="5103581"/>
                </a:lnTo>
                <a:cubicBezTo>
                  <a:pt x="3016" y="3117990"/>
                  <a:pt x="110" y="1985591"/>
                  <a:pt x="0" y="0"/>
                </a:cubicBezTo>
                <a:close/>
              </a:path>
            </a:pathLst>
          </a:custGeom>
          <a:solidFill>
            <a:srgbClr val="8A8B8A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14203" y="1410908"/>
            <a:ext cx="8750684" cy="1492235"/>
          </a:xfrm>
          <a:prstGeom prst="rect">
            <a:avLst/>
          </a:prstGeom>
        </p:spPr>
        <p:txBody>
          <a:bodyPr anchor="b" anchorCtr="0">
            <a:normAutofit/>
          </a:bodyPr>
          <a:lstStyle>
            <a:lvl1pPr algn="l">
              <a:defRPr lang="da-DK" sz="4867" spc="0" baseline="0" smtClean="0">
                <a:solidFill>
                  <a:schemeClr val="bg1"/>
                </a:solidFill>
                <a:effectLst/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14203" y="3039227"/>
            <a:ext cx="8750684" cy="1655762"/>
          </a:xfrm>
          <a:prstGeom prst="rect">
            <a:avLst/>
          </a:prstGeom>
        </p:spPr>
        <p:txBody>
          <a:bodyPr anchor="ctr" anchorCtr="0"/>
          <a:lstStyle>
            <a:lvl1pPr marL="0" indent="0" algn="l">
              <a:buNone/>
              <a:defRPr lang="da-DK" sz="2751" smtClean="0">
                <a:solidFill>
                  <a:schemeClr val="bg1"/>
                </a:solidFill>
                <a:effectLst/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457064" indent="0" algn="ctr">
              <a:buNone/>
              <a:defRPr sz="2000"/>
            </a:lvl2pPr>
            <a:lvl3pPr marL="914130" indent="0" algn="ctr">
              <a:buNone/>
              <a:defRPr sz="1800"/>
            </a:lvl3pPr>
            <a:lvl4pPr marL="1371194" indent="0" algn="ctr">
              <a:buNone/>
              <a:defRPr sz="1600"/>
            </a:lvl4pPr>
            <a:lvl5pPr marL="1828259" indent="0" algn="ctr">
              <a:buNone/>
              <a:defRPr sz="1600"/>
            </a:lvl5pPr>
            <a:lvl6pPr marL="2285323" indent="0" algn="ctr">
              <a:buNone/>
              <a:defRPr sz="1600"/>
            </a:lvl6pPr>
            <a:lvl7pPr marL="2742389" indent="0" algn="ctr">
              <a:buNone/>
              <a:defRPr sz="1600"/>
            </a:lvl7pPr>
            <a:lvl8pPr marL="3199453" indent="0" algn="ctr">
              <a:buNone/>
              <a:defRPr sz="1600"/>
            </a:lvl8pPr>
            <a:lvl9pPr marL="3656518" indent="0" algn="ctr">
              <a:buNone/>
              <a:defRPr sz="1600"/>
            </a:lvl9pPr>
          </a:lstStyle>
          <a:p>
            <a:r>
              <a:rPr lang="da-DK" dirty="0"/>
              <a:t>Klik for at tilføje undertitel</a:t>
            </a:r>
          </a:p>
        </p:txBody>
      </p:sp>
      <p:sp>
        <p:nvSpPr>
          <p:cNvPr id="8" name="Freeform: Shape 7">
            <a:extLst>
              <a:ext uri="{FF2B5EF4-FFF2-40B4-BE49-F238E27FC236}">
                <a16:creationId xmlns:a16="http://schemas.microsoft.com/office/drawing/2014/main" id="{73DF4F79-6B32-4231-B6A7-ACB6B7267608}"/>
              </a:ext>
            </a:extLst>
          </p:cNvPr>
          <p:cNvSpPr/>
          <p:nvPr userDrawn="1"/>
        </p:nvSpPr>
        <p:spPr>
          <a:xfrm>
            <a:off x="-1" y="0"/>
            <a:ext cx="12193066" cy="1273923"/>
          </a:xfrm>
          <a:custGeom>
            <a:avLst/>
            <a:gdLst>
              <a:gd name="connsiteX0" fmla="*/ 0 w 11524496"/>
              <a:gd name="connsiteY0" fmla="*/ 0 h 1203739"/>
              <a:gd name="connsiteX1" fmla="*/ 11524496 w 11524496"/>
              <a:gd name="connsiteY1" fmla="*/ 0 h 1203739"/>
              <a:gd name="connsiteX2" fmla="*/ 11524496 w 11524496"/>
              <a:gd name="connsiteY2" fmla="*/ 1203739 h 1203739"/>
              <a:gd name="connsiteX3" fmla="*/ 11521131 w 11524496"/>
              <a:gd name="connsiteY3" fmla="*/ 1203739 h 1203739"/>
              <a:gd name="connsiteX4" fmla="*/ 11520937 w 11524496"/>
              <a:gd name="connsiteY4" fmla="*/ 891268 h 1203739"/>
              <a:gd name="connsiteX5" fmla="*/ 11520489 w 11524496"/>
              <a:gd name="connsiteY5" fmla="*/ 891236 h 1203739"/>
              <a:gd name="connsiteX6" fmla="*/ 11520489 w 11524496"/>
              <a:gd name="connsiteY6" fmla="*/ 918369 h 1203739"/>
              <a:gd name="connsiteX7" fmla="*/ 11520423 w 11524496"/>
              <a:gd name="connsiteY7" fmla="*/ 918369 h 1203739"/>
              <a:gd name="connsiteX8" fmla="*/ 11520424 w 11524496"/>
              <a:gd name="connsiteY8" fmla="*/ 909525 h 1203739"/>
              <a:gd name="connsiteX9" fmla="*/ 9249210 w 11524496"/>
              <a:gd name="connsiteY9" fmla="*/ 731044 h 1203739"/>
              <a:gd name="connsiteX10" fmla="*/ 9116877 w 11524496"/>
              <a:gd name="connsiteY10" fmla="*/ 721711 h 1203739"/>
              <a:gd name="connsiteX11" fmla="*/ 9116878 w 11524496"/>
              <a:gd name="connsiteY11" fmla="*/ 728821 h 1203739"/>
              <a:gd name="connsiteX12" fmla="*/ 9116397 w 11524496"/>
              <a:gd name="connsiteY12" fmla="*/ 728821 h 1203739"/>
              <a:gd name="connsiteX13" fmla="*/ 9116396 w 11524496"/>
              <a:gd name="connsiteY13" fmla="*/ 721677 h 1203739"/>
              <a:gd name="connsiteX14" fmla="*/ 9115486 w 11524496"/>
              <a:gd name="connsiteY14" fmla="*/ 721613 h 1203739"/>
              <a:gd name="connsiteX15" fmla="*/ 117856 w 11524496"/>
              <a:gd name="connsiteY15" fmla="*/ 1203325 h 1203739"/>
              <a:gd name="connsiteX16" fmla="*/ 3 w 11524496"/>
              <a:gd name="connsiteY16" fmla="*/ 1203325 h 1203739"/>
              <a:gd name="connsiteX17" fmla="*/ 3 w 11524496"/>
              <a:gd name="connsiteY17" fmla="*/ 1203739 h 1203739"/>
              <a:gd name="connsiteX18" fmla="*/ 0 w 11524496"/>
              <a:gd name="connsiteY18" fmla="*/ 1203739 h 1203739"/>
              <a:gd name="connsiteX19" fmla="*/ 0 w 11524496"/>
              <a:gd name="connsiteY19" fmla="*/ 1162389 h 1203739"/>
              <a:gd name="connsiteX20" fmla="*/ 1 w 11524496"/>
              <a:gd name="connsiteY20" fmla="*/ 1177454 h 1203739"/>
              <a:gd name="connsiteX21" fmla="*/ 1 w 11524496"/>
              <a:gd name="connsiteY21" fmla="*/ 1162389 h 1203739"/>
              <a:gd name="connsiteX22" fmla="*/ 0 w 11524496"/>
              <a:gd name="connsiteY22" fmla="*/ 1162389 h 12037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11524496" h="1203739">
                <a:moveTo>
                  <a:pt x="0" y="0"/>
                </a:moveTo>
                <a:lnTo>
                  <a:pt x="11524496" y="0"/>
                </a:lnTo>
                <a:lnTo>
                  <a:pt x="11524496" y="1203739"/>
                </a:lnTo>
                <a:lnTo>
                  <a:pt x="11521131" y="1203739"/>
                </a:lnTo>
                <a:lnTo>
                  <a:pt x="11520937" y="891268"/>
                </a:lnTo>
                <a:lnTo>
                  <a:pt x="11520489" y="891236"/>
                </a:lnTo>
                <a:lnTo>
                  <a:pt x="11520489" y="918369"/>
                </a:lnTo>
                <a:lnTo>
                  <a:pt x="11520423" y="918369"/>
                </a:lnTo>
                <a:lnTo>
                  <a:pt x="11520424" y="909525"/>
                </a:lnTo>
                <a:lnTo>
                  <a:pt x="9249210" y="731044"/>
                </a:lnTo>
                <a:lnTo>
                  <a:pt x="9116877" y="721711"/>
                </a:lnTo>
                <a:lnTo>
                  <a:pt x="9116878" y="728821"/>
                </a:lnTo>
                <a:lnTo>
                  <a:pt x="9116397" y="728821"/>
                </a:lnTo>
                <a:lnTo>
                  <a:pt x="9116396" y="721677"/>
                </a:lnTo>
                <a:lnTo>
                  <a:pt x="9115486" y="721613"/>
                </a:lnTo>
                <a:lnTo>
                  <a:pt x="117856" y="1203325"/>
                </a:lnTo>
                <a:lnTo>
                  <a:pt x="3" y="1203325"/>
                </a:lnTo>
                <a:lnTo>
                  <a:pt x="3" y="1203739"/>
                </a:lnTo>
                <a:lnTo>
                  <a:pt x="0" y="1203739"/>
                </a:lnTo>
                <a:lnTo>
                  <a:pt x="0" y="1162389"/>
                </a:lnTo>
                <a:lnTo>
                  <a:pt x="1" y="1177454"/>
                </a:lnTo>
                <a:lnTo>
                  <a:pt x="1" y="1162389"/>
                </a:lnTo>
                <a:lnTo>
                  <a:pt x="0" y="1162389"/>
                </a:lnTo>
                <a:close/>
              </a:path>
            </a:pathLst>
          </a:cu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 err="1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A238F1D2-C514-46A1-9664-7A31C9277F4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810410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-slide, rø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FE13606D-9E79-174F-A198-BE7BC6697058}"/>
              </a:ext>
            </a:extLst>
          </p:cNvPr>
          <p:cNvSpPr/>
          <p:nvPr userDrawn="1"/>
        </p:nvSpPr>
        <p:spPr>
          <a:xfrm>
            <a:off x="1" y="0"/>
            <a:ext cx="12187082" cy="6159471"/>
          </a:xfrm>
          <a:prstGeom prst="rect">
            <a:avLst/>
          </a:prstGeom>
          <a:solidFill>
            <a:srgbClr val="D7D8D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>
              <a:latin typeface="Open Sans" panose="020B0606030504020204" pitchFamily="34" charset="0"/>
            </a:endParaRPr>
          </a:p>
        </p:txBody>
      </p:sp>
      <p:sp>
        <p:nvSpPr>
          <p:cNvPr id="7" name="Snip Single Corner Rectangle 9">
            <a:extLst>
              <a:ext uri="{FF2B5EF4-FFF2-40B4-BE49-F238E27FC236}">
                <a16:creationId xmlns:a16="http://schemas.microsoft.com/office/drawing/2014/main" id="{A9C953DF-FB9A-9948-82D1-5F81CAE2ECA7}"/>
              </a:ext>
            </a:extLst>
          </p:cNvPr>
          <p:cNvSpPr/>
          <p:nvPr userDrawn="1"/>
        </p:nvSpPr>
        <p:spPr>
          <a:xfrm rot="10800000">
            <a:off x="0" y="2284326"/>
            <a:ext cx="9558376" cy="3875144"/>
          </a:xfrm>
          <a:custGeom>
            <a:avLst/>
            <a:gdLst>
              <a:gd name="connsiteX0" fmla="*/ 0 w 3822192"/>
              <a:gd name="connsiteY0" fmla="*/ 0 h 2615184"/>
              <a:gd name="connsiteX1" fmla="*/ 3386319 w 3822192"/>
              <a:gd name="connsiteY1" fmla="*/ 0 h 2615184"/>
              <a:gd name="connsiteX2" fmla="*/ 3822192 w 3822192"/>
              <a:gd name="connsiteY2" fmla="*/ 435873 h 2615184"/>
              <a:gd name="connsiteX3" fmla="*/ 3822192 w 3822192"/>
              <a:gd name="connsiteY3" fmla="*/ 2615184 h 2615184"/>
              <a:gd name="connsiteX4" fmla="*/ 0 w 3822192"/>
              <a:gd name="connsiteY4" fmla="*/ 2615184 h 2615184"/>
              <a:gd name="connsiteX5" fmla="*/ 0 w 3822192"/>
              <a:gd name="connsiteY5" fmla="*/ 0 h 2615184"/>
              <a:gd name="connsiteX0" fmla="*/ 0 w 3822192"/>
              <a:gd name="connsiteY0" fmla="*/ 0 h 2615184"/>
              <a:gd name="connsiteX1" fmla="*/ 3822192 w 3822192"/>
              <a:gd name="connsiteY1" fmla="*/ 435873 h 2615184"/>
              <a:gd name="connsiteX2" fmla="*/ 3822192 w 3822192"/>
              <a:gd name="connsiteY2" fmla="*/ 2615184 h 2615184"/>
              <a:gd name="connsiteX3" fmla="*/ 0 w 3822192"/>
              <a:gd name="connsiteY3" fmla="*/ 2615184 h 2615184"/>
              <a:gd name="connsiteX4" fmla="*/ 0 w 3822192"/>
              <a:gd name="connsiteY4" fmla="*/ 0 h 2615184"/>
              <a:gd name="connsiteX0" fmla="*/ 0 w 3822192"/>
              <a:gd name="connsiteY0" fmla="*/ 431460 h 3046644"/>
              <a:gd name="connsiteX1" fmla="*/ 3822192 w 3822192"/>
              <a:gd name="connsiteY1" fmla="*/ 0 h 3046644"/>
              <a:gd name="connsiteX2" fmla="*/ 3822192 w 3822192"/>
              <a:gd name="connsiteY2" fmla="*/ 3046644 h 3046644"/>
              <a:gd name="connsiteX3" fmla="*/ 0 w 3822192"/>
              <a:gd name="connsiteY3" fmla="*/ 3046644 h 3046644"/>
              <a:gd name="connsiteX4" fmla="*/ 0 w 3822192"/>
              <a:gd name="connsiteY4" fmla="*/ 431460 h 304664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822192" h="3046644">
                <a:moveTo>
                  <a:pt x="0" y="431460"/>
                </a:moveTo>
                <a:lnTo>
                  <a:pt x="3822192" y="0"/>
                </a:lnTo>
                <a:lnTo>
                  <a:pt x="3822192" y="3046644"/>
                </a:lnTo>
                <a:lnTo>
                  <a:pt x="0" y="3046644"/>
                </a:lnTo>
                <a:lnTo>
                  <a:pt x="0" y="431460"/>
                </a:lnTo>
                <a:close/>
              </a:path>
            </a:pathLst>
          </a:custGeom>
          <a:solidFill>
            <a:srgbClr val="F2193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>
              <a:latin typeface="Open Sans" panose="020B0606030504020204" pitchFamily="34" charset="0"/>
            </a:endParaRPr>
          </a:p>
        </p:txBody>
      </p:sp>
      <p:sp>
        <p:nvSpPr>
          <p:cNvPr id="8" name="Freeform 7">
            <a:extLst>
              <a:ext uri="{FF2B5EF4-FFF2-40B4-BE49-F238E27FC236}">
                <a16:creationId xmlns:a16="http://schemas.microsoft.com/office/drawing/2014/main" id="{EF499B42-6295-4A42-82E4-BB4D92741457}"/>
              </a:ext>
            </a:extLst>
          </p:cNvPr>
          <p:cNvSpPr/>
          <p:nvPr userDrawn="1"/>
        </p:nvSpPr>
        <p:spPr>
          <a:xfrm>
            <a:off x="-1000" y="5615786"/>
            <a:ext cx="12195970" cy="1241760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496"/>
              <a:gd name="connsiteY0" fmla="*/ 542140 h 6495385"/>
              <a:gd name="connsiteX1" fmla="*/ 9114809 w 11524496"/>
              <a:gd name="connsiteY1" fmla="*/ 0 h 6495385"/>
              <a:gd name="connsiteX2" fmla="*/ 11520937 w 11524496"/>
              <a:gd name="connsiteY2" fmla="*/ 208706 h 6495385"/>
              <a:gd name="connsiteX3" fmla="*/ 11524112 w 11524496"/>
              <a:gd name="connsiteY3" fmla="*/ 3188572 h 6495385"/>
              <a:gd name="connsiteX4" fmla="*/ 331 w 11524496"/>
              <a:gd name="connsiteY4" fmla="*/ 6495386 h 6495385"/>
              <a:gd name="connsiteX5" fmla="*/ 0 w 11524496"/>
              <a:gd name="connsiteY5" fmla="*/ 542140 h 6495385"/>
              <a:gd name="connsiteX0" fmla="*/ 0 w 11524112"/>
              <a:gd name="connsiteY0" fmla="*/ 542140 h 6495386"/>
              <a:gd name="connsiteX1" fmla="*/ 9114809 w 11524112"/>
              <a:gd name="connsiteY1" fmla="*/ 0 h 6495386"/>
              <a:gd name="connsiteX2" fmla="*/ 11520937 w 11524112"/>
              <a:gd name="connsiteY2" fmla="*/ 208706 h 6495386"/>
              <a:gd name="connsiteX3" fmla="*/ 11524112 w 11524112"/>
              <a:gd name="connsiteY3" fmla="*/ 3188572 h 6495386"/>
              <a:gd name="connsiteX4" fmla="*/ 331 w 11524112"/>
              <a:gd name="connsiteY4" fmla="*/ 6495386 h 6495386"/>
              <a:gd name="connsiteX5" fmla="*/ 0 w 11524112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14384 w 11520937"/>
              <a:gd name="connsiteY3" fmla="*/ 2233650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14384 w 11520937"/>
              <a:gd name="connsiteY3" fmla="*/ 2233650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50960 w 11520937"/>
              <a:gd name="connsiteY3" fmla="*/ 1359997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1842676"/>
              <a:gd name="connsiteX1" fmla="*/ 9114809 w 11520937"/>
              <a:gd name="connsiteY1" fmla="*/ 0 h 1842676"/>
              <a:gd name="connsiteX2" fmla="*/ 11520937 w 11520937"/>
              <a:gd name="connsiteY2" fmla="*/ 208706 h 1842676"/>
              <a:gd name="connsiteX3" fmla="*/ 11450960 w 11520937"/>
              <a:gd name="connsiteY3" fmla="*/ 1359997 h 1842676"/>
              <a:gd name="connsiteX4" fmla="*/ 402667 w 11520937"/>
              <a:gd name="connsiteY4" fmla="*/ 1842676 h 1842676"/>
              <a:gd name="connsiteX5" fmla="*/ 0 w 11520937"/>
              <a:gd name="connsiteY5" fmla="*/ 542140 h 1842676"/>
              <a:gd name="connsiteX0" fmla="*/ 0 w 11520937"/>
              <a:gd name="connsiteY0" fmla="*/ 542140 h 1873037"/>
              <a:gd name="connsiteX1" fmla="*/ 9114809 w 11520937"/>
              <a:gd name="connsiteY1" fmla="*/ 0 h 1873037"/>
              <a:gd name="connsiteX2" fmla="*/ 11520937 w 11520937"/>
              <a:gd name="connsiteY2" fmla="*/ 208706 h 1873037"/>
              <a:gd name="connsiteX3" fmla="*/ 11450960 w 11520937"/>
              <a:gd name="connsiteY3" fmla="*/ 1359997 h 1873037"/>
              <a:gd name="connsiteX4" fmla="*/ 402667 w 11520937"/>
              <a:gd name="connsiteY4" fmla="*/ 1842676 h 1873037"/>
              <a:gd name="connsiteX5" fmla="*/ 0 w 11520937"/>
              <a:gd name="connsiteY5" fmla="*/ 542140 h 1873037"/>
              <a:gd name="connsiteX0" fmla="*/ 7907 w 11528844"/>
              <a:gd name="connsiteY0" fmla="*/ 542140 h 1536909"/>
              <a:gd name="connsiteX1" fmla="*/ 9122716 w 11528844"/>
              <a:gd name="connsiteY1" fmla="*/ 0 h 1536909"/>
              <a:gd name="connsiteX2" fmla="*/ 11528844 w 11528844"/>
              <a:gd name="connsiteY2" fmla="*/ 208706 h 1536909"/>
              <a:gd name="connsiteX3" fmla="*/ 11458867 w 11528844"/>
              <a:gd name="connsiteY3" fmla="*/ 1359997 h 1536909"/>
              <a:gd name="connsiteX4" fmla="*/ 8238 w 11528844"/>
              <a:gd name="connsiteY4" fmla="*/ 1090928 h 1536909"/>
              <a:gd name="connsiteX5" fmla="*/ 7907 w 11528844"/>
              <a:gd name="connsiteY5" fmla="*/ 542140 h 1536909"/>
              <a:gd name="connsiteX0" fmla="*/ 0 w 11520937"/>
              <a:gd name="connsiteY0" fmla="*/ 542140 h 1516989"/>
              <a:gd name="connsiteX1" fmla="*/ 9114809 w 11520937"/>
              <a:gd name="connsiteY1" fmla="*/ 0 h 1516989"/>
              <a:gd name="connsiteX2" fmla="*/ 11520937 w 11520937"/>
              <a:gd name="connsiteY2" fmla="*/ 208706 h 1516989"/>
              <a:gd name="connsiteX3" fmla="*/ 11450960 w 11520937"/>
              <a:gd name="connsiteY3" fmla="*/ 1359997 h 1516989"/>
              <a:gd name="connsiteX4" fmla="*/ 329515 w 11520937"/>
              <a:gd name="connsiteY4" fmla="*/ 1029976 h 1516989"/>
              <a:gd name="connsiteX5" fmla="*/ 0 w 11520937"/>
              <a:gd name="connsiteY5" fmla="*/ 542140 h 1516989"/>
              <a:gd name="connsiteX0" fmla="*/ 0 w 11520937"/>
              <a:gd name="connsiteY0" fmla="*/ 542140 h 1562013"/>
              <a:gd name="connsiteX1" fmla="*/ 9114809 w 11520937"/>
              <a:gd name="connsiteY1" fmla="*/ 0 h 1562013"/>
              <a:gd name="connsiteX2" fmla="*/ 11520937 w 11520937"/>
              <a:gd name="connsiteY2" fmla="*/ 208706 h 1562013"/>
              <a:gd name="connsiteX3" fmla="*/ 11450960 w 11520937"/>
              <a:gd name="connsiteY3" fmla="*/ 1359997 h 1562013"/>
              <a:gd name="connsiteX4" fmla="*/ 179534 w 11520937"/>
              <a:gd name="connsiteY4" fmla="*/ 1164351 h 1562013"/>
              <a:gd name="connsiteX5" fmla="*/ 0 w 11520937"/>
              <a:gd name="connsiteY5" fmla="*/ 542140 h 1562013"/>
              <a:gd name="connsiteX0" fmla="*/ 0 w 11520937"/>
              <a:gd name="connsiteY0" fmla="*/ 542140 h 1520033"/>
              <a:gd name="connsiteX1" fmla="*/ 9114809 w 11520937"/>
              <a:gd name="connsiteY1" fmla="*/ 0 h 1520033"/>
              <a:gd name="connsiteX2" fmla="*/ 11520937 w 11520937"/>
              <a:gd name="connsiteY2" fmla="*/ 208706 h 1520033"/>
              <a:gd name="connsiteX3" fmla="*/ 11450960 w 11520937"/>
              <a:gd name="connsiteY3" fmla="*/ 1359997 h 1520033"/>
              <a:gd name="connsiteX4" fmla="*/ 179534 w 11520937"/>
              <a:gd name="connsiteY4" fmla="*/ 1164351 h 1520033"/>
              <a:gd name="connsiteX5" fmla="*/ 0 w 11520937"/>
              <a:gd name="connsiteY5" fmla="*/ 542140 h 1520033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79534 w 11520937"/>
              <a:gd name="connsiteY4" fmla="*/ 1164351 h 1363604"/>
              <a:gd name="connsiteX5" fmla="*/ 0 w 11520937"/>
              <a:gd name="connsiteY5" fmla="*/ 542140 h 1363604"/>
              <a:gd name="connsiteX0" fmla="*/ 1532 w 11522469"/>
              <a:gd name="connsiteY0" fmla="*/ 542140 h 1363604"/>
              <a:gd name="connsiteX1" fmla="*/ 9116341 w 11522469"/>
              <a:gd name="connsiteY1" fmla="*/ 0 h 1363604"/>
              <a:gd name="connsiteX2" fmla="*/ 11522469 w 11522469"/>
              <a:gd name="connsiteY2" fmla="*/ 208706 h 1363604"/>
              <a:gd name="connsiteX3" fmla="*/ 11452492 w 11522469"/>
              <a:gd name="connsiteY3" fmla="*/ 1359997 h 1363604"/>
              <a:gd name="connsiteX4" fmla="*/ 16571 w 11522469"/>
              <a:gd name="connsiteY4" fmla="*/ 1261101 h 1363604"/>
              <a:gd name="connsiteX5" fmla="*/ 1532 w 11522469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5039 w 11520937"/>
              <a:gd name="connsiteY4" fmla="*/ 1261101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5039 w 11520937"/>
              <a:gd name="connsiteY4" fmla="*/ 1261101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8689 w 11520937"/>
              <a:gd name="connsiteY4" fmla="*/ 1271683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8689 w 11520937"/>
              <a:gd name="connsiteY4" fmla="*/ 1271683 h 1363604"/>
              <a:gd name="connsiteX5" fmla="*/ 0 w 11520937"/>
              <a:gd name="connsiteY5" fmla="*/ 542140 h 1363604"/>
              <a:gd name="connsiteX0" fmla="*/ 946 w 11521883"/>
              <a:gd name="connsiteY0" fmla="*/ 542140 h 1363604"/>
              <a:gd name="connsiteX1" fmla="*/ 9115755 w 11521883"/>
              <a:gd name="connsiteY1" fmla="*/ 0 h 1363604"/>
              <a:gd name="connsiteX2" fmla="*/ 11521883 w 11521883"/>
              <a:gd name="connsiteY2" fmla="*/ 208706 h 1363604"/>
              <a:gd name="connsiteX3" fmla="*/ 11451906 w 11521883"/>
              <a:gd name="connsiteY3" fmla="*/ 1359997 h 1363604"/>
              <a:gd name="connsiteX4" fmla="*/ 110 w 11521883"/>
              <a:gd name="connsiteY4" fmla="*/ 1268156 h 1363604"/>
              <a:gd name="connsiteX5" fmla="*/ 946 w 11521883"/>
              <a:gd name="connsiteY5" fmla="*/ 542140 h 1363604"/>
              <a:gd name="connsiteX0" fmla="*/ 946 w 11525058"/>
              <a:gd name="connsiteY0" fmla="*/ 542140 h 1359997"/>
              <a:gd name="connsiteX1" fmla="*/ 9115755 w 11525058"/>
              <a:gd name="connsiteY1" fmla="*/ 0 h 1359997"/>
              <a:gd name="connsiteX2" fmla="*/ 11525058 w 11525058"/>
              <a:gd name="connsiteY2" fmla="*/ 169906 h 1359997"/>
              <a:gd name="connsiteX3" fmla="*/ 11451906 w 11525058"/>
              <a:gd name="connsiteY3" fmla="*/ 1359997 h 1359997"/>
              <a:gd name="connsiteX4" fmla="*/ 110 w 11525058"/>
              <a:gd name="connsiteY4" fmla="*/ 1268156 h 1359997"/>
              <a:gd name="connsiteX5" fmla="*/ 946 w 11525058"/>
              <a:gd name="connsiteY5" fmla="*/ 542140 h 1359997"/>
              <a:gd name="connsiteX0" fmla="*/ 946 w 11525073"/>
              <a:gd name="connsiteY0" fmla="*/ 542140 h 1359997"/>
              <a:gd name="connsiteX1" fmla="*/ 9115755 w 11525073"/>
              <a:gd name="connsiteY1" fmla="*/ 0 h 1359997"/>
              <a:gd name="connsiteX2" fmla="*/ 11525058 w 11525073"/>
              <a:gd name="connsiteY2" fmla="*/ 169906 h 1359997"/>
              <a:gd name="connsiteX3" fmla="*/ 11451906 w 11525073"/>
              <a:gd name="connsiteY3" fmla="*/ 1359997 h 1359997"/>
              <a:gd name="connsiteX4" fmla="*/ 110 w 11525073"/>
              <a:gd name="connsiteY4" fmla="*/ 1268156 h 1359997"/>
              <a:gd name="connsiteX5" fmla="*/ 946 w 11525073"/>
              <a:gd name="connsiteY5" fmla="*/ 542140 h 1359997"/>
              <a:gd name="connsiteX0" fmla="*/ 946 w 11526882"/>
              <a:gd name="connsiteY0" fmla="*/ 542140 h 1268286"/>
              <a:gd name="connsiteX1" fmla="*/ 9115755 w 11526882"/>
              <a:gd name="connsiteY1" fmla="*/ 0 h 1268286"/>
              <a:gd name="connsiteX2" fmla="*/ 11525058 w 11526882"/>
              <a:gd name="connsiteY2" fmla="*/ 169906 h 1268286"/>
              <a:gd name="connsiteX3" fmla="*/ 11512231 w 11526882"/>
              <a:gd name="connsiteY3" fmla="*/ 1268286 h 1268286"/>
              <a:gd name="connsiteX4" fmla="*/ 110 w 11526882"/>
              <a:gd name="connsiteY4" fmla="*/ 1268156 h 1268286"/>
              <a:gd name="connsiteX5" fmla="*/ 946 w 11526882"/>
              <a:gd name="connsiteY5" fmla="*/ 542140 h 1268286"/>
              <a:gd name="connsiteX0" fmla="*/ 946 w 11525140"/>
              <a:gd name="connsiteY0" fmla="*/ 542140 h 1268286"/>
              <a:gd name="connsiteX1" fmla="*/ 9115755 w 11525140"/>
              <a:gd name="connsiteY1" fmla="*/ 0 h 1268286"/>
              <a:gd name="connsiteX2" fmla="*/ 11525058 w 11525140"/>
              <a:gd name="connsiteY2" fmla="*/ 169906 h 1268286"/>
              <a:gd name="connsiteX3" fmla="*/ 11512231 w 11525140"/>
              <a:gd name="connsiteY3" fmla="*/ 1268286 h 1268286"/>
              <a:gd name="connsiteX4" fmla="*/ 110 w 11525140"/>
              <a:gd name="connsiteY4" fmla="*/ 1268156 h 1268286"/>
              <a:gd name="connsiteX5" fmla="*/ 946 w 11525140"/>
              <a:gd name="connsiteY5" fmla="*/ 542140 h 1268286"/>
              <a:gd name="connsiteX0" fmla="*/ 946 w 11525270"/>
              <a:gd name="connsiteY0" fmla="*/ 542140 h 1271813"/>
              <a:gd name="connsiteX1" fmla="*/ 9115755 w 11525270"/>
              <a:gd name="connsiteY1" fmla="*/ 0 h 1271813"/>
              <a:gd name="connsiteX2" fmla="*/ 11525058 w 11525270"/>
              <a:gd name="connsiteY2" fmla="*/ 169906 h 1271813"/>
              <a:gd name="connsiteX3" fmla="*/ 11518581 w 11525270"/>
              <a:gd name="connsiteY3" fmla="*/ 1271813 h 1271813"/>
              <a:gd name="connsiteX4" fmla="*/ 110 w 11525270"/>
              <a:gd name="connsiteY4" fmla="*/ 1268156 h 1271813"/>
              <a:gd name="connsiteX5" fmla="*/ 946 w 11525270"/>
              <a:gd name="connsiteY5" fmla="*/ 542140 h 1271813"/>
              <a:gd name="connsiteX0" fmla="*/ 946 w 11527241"/>
              <a:gd name="connsiteY0" fmla="*/ 542140 h 1271813"/>
              <a:gd name="connsiteX1" fmla="*/ 9115755 w 11527241"/>
              <a:gd name="connsiteY1" fmla="*/ 0 h 1271813"/>
              <a:gd name="connsiteX2" fmla="*/ 11525058 w 11527241"/>
              <a:gd name="connsiteY2" fmla="*/ 169906 h 1271813"/>
              <a:gd name="connsiteX3" fmla="*/ 11524931 w 11527241"/>
              <a:gd name="connsiteY3" fmla="*/ 1271813 h 1271813"/>
              <a:gd name="connsiteX4" fmla="*/ 110 w 11527241"/>
              <a:gd name="connsiteY4" fmla="*/ 1268156 h 1271813"/>
              <a:gd name="connsiteX5" fmla="*/ 946 w 11527241"/>
              <a:gd name="connsiteY5" fmla="*/ 542140 h 1271813"/>
              <a:gd name="connsiteX0" fmla="*/ 946 w 11527241"/>
              <a:gd name="connsiteY0" fmla="*/ 573886 h 1303559"/>
              <a:gd name="connsiteX1" fmla="*/ 9030030 w 11527241"/>
              <a:gd name="connsiteY1" fmla="*/ 0 h 1303559"/>
              <a:gd name="connsiteX2" fmla="*/ 11525058 w 11527241"/>
              <a:gd name="connsiteY2" fmla="*/ 201652 h 1303559"/>
              <a:gd name="connsiteX3" fmla="*/ 11524931 w 11527241"/>
              <a:gd name="connsiteY3" fmla="*/ 1303559 h 1303559"/>
              <a:gd name="connsiteX4" fmla="*/ 110 w 11527241"/>
              <a:gd name="connsiteY4" fmla="*/ 1299902 h 1303559"/>
              <a:gd name="connsiteX5" fmla="*/ 946 w 11527241"/>
              <a:gd name="connsiteY5" fmla="*/ 573886 h 1303559"/>
              <a:gd name="connsiteX0" fmla="*/ 946 w 11527241"/>
              <a:gd name="connsiteY0" fmla="*/ 573886 h 1303559"/>
              <a:gd name="connsiteX1" fmla="*/ 9036380 w 11527241"/>
              <a:gd name="connsiteY1" fmla="*/ 0 h 1303559"/>
              <a:gd name="connsiteX2" fmla="*/ 11525058 w 11527241"/>
              <a:gd name="connsiteY2" fmla="*/ 201652 h 1303559"/>
              <a:gd name="connsiteX3" fmla="*/ 11524931 w 11527241"/>
              <a:gd name="connsiteY3" fmla="*/ 1303559 h 1303559"/>
              <a:gd name="connsiteX4" fmla="*/ 110 w 11527241"/>
              <a:gd name="connsiteY4" fmla="*/ 1299902 h 1303559"/>
              <a:gd name="connsiteX5" fmla="*/ 946 w 11527241"/>
              <a:gd name="connsiteY5" fmla="*/ 573886 h 13035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7241" h="1303559">
                <a:moveTo>
                  <a:pt x="946" y="573886"/>
                </a:moveTo>
                <a:lnTo>
                  <a:pt x="9036380" y="0"/>
                </a:lnTo>
                <a:lnTo>
                  <a:pt x="11525058" y="201652"/>
                </a:lnTo>
                <a:cubicBezTo>
                  <a:pt x="11526116" y="664524"/>
                  <a:pt x="11529461" y="717231"/>
                  <a:pt x="11524931" y="1303559"/>
                </a:cubicBezTo>
                <a:lnTo>
                  <a:pt x="110" y="1299902"/>
                </a:lnTo>
                <a:cubicBezTo>
                  <a:pt x="-750" y="939156"/>
                  <a:pt x="3777" y="902801"/>
                  <a:pt x="946" y="573886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29FE3A3-0877-9549-9820-361670EFC8B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14203" y="3039228"/>
            <a:ext cx="8750684" cy="2032310"/>
          </a:xfrm>
          <a:prstGeom prst="rect">
            <a:avLst/>
          </a:prstGeom>
        </p:spPr>
        <p:txBody>
          <a:bodyPr anchor="t">
            <a:normAutofit/>
          </a:bodyPr>
          <a:lstStyle>
            <a:lvl1pPr algn="l">
              <a:defRPr lang="da-DK" sz="4867" spc="0" baseline="0" smtClean="0">
                <a:solidFill>
                  <a:schemeClr val="bg1"/>
                </a:solidFill>
                <a:effectLst/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AD92AA4-5F1B-4814-BCB2-2B3A677E798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609723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-slide, bl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FE13606D-9E79-174F-A198-BE7BC6697058}"/>
              </a:ext>
            </a:extLst>
          </p:cNvPr>
          <p:cNvSpPr/>
          <p:nvPr userDrawn="1"/>
        </p:nvSpPr>
        <p:spPr>
          <a:xfrm>
            <a:off x="1" y="0"/>
            <a:ext cx="12187082" cy="6159471"/>
          </a:xfrm>
          <a:prstGeom prst="rect">
            <a:avLst/>
          </a:prstGeom>
          <a:solidFill>
            <a:srgbClr val="D7D8D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>
              <a:latin typeface="Open Sans" panose="020B0606030504020204" pitchFamily="34" charset="0"/>
            </a:endParaRPr>
          </a:p>
        </p:txBody>
      </p:sp>
      <p:sp>
        <p:nvSpPr>
          <p:cNvPr id="7" name="Snip Single Corner Rectangle 9">
            <a:extLst>
              <a:ext uri="{FF2B5EF4-FFF2-40B4-BE49-F238E27FC236}">
                <a16:creationId xmlns:a16="http://schemas.microsoft.com/office/drawing/2014/main" id="{A9C953DF-FB9A-9948-82D1-5F81CAE2ECA7}"/>
              </a:ext>
            </a:extLst>
          </p:cNvPr>
          <p:cNvSpPr/>
          <p:nvPr userDrawn="1"/>
        </p:nvSpPr>
        <p:spPr>
          <a:xfrm rot="10800000">
            <a:off x="0" y="2284326"/>
            <a:ext cx="9558376" cy="3875144"/>
          </a:xfrm>
          <a:custGeom>
            <a:avLst/>
            <a:gdLst>
              <a:gd name="connsiteX0" fmla="*/ 0 w 3822192"/>
              <a:gd name="connsiteY0" fmla="*/ 0 h 2615184"/>
              <a:gd name="connsiteX1" fmla="*/ 3386319 w 3822192"/>
              <a:gd name="connsiteY1" fmla="*/ 0 h 2615184"/>
              <a:gd name="connsiteX2" fmla="*/ 3822192 w 3822192"/>
              <a:gd name="connsiteY2" fmla="*/ 435873 h 2615184"/>
              <a:gd name="connsiteX3" fmla="*/ 3822192 w 3822192"/>
              <a:gd name="connsiteY3" fmla="*/ 2615184 h 2615184"/>
              <a:gd name="connsiteX4" fmla="*/ 0 w 3822192"/>
              <a:gd name="connsiteY4" fmla="*/ 2615184 h 2615184"/>
              <a:gd name="connsiteX5" fmla="*/ 0 w 3822192"/>
              <a:gd name="connsiteY5" fmla="*/ 0 h 2615184"/>
              <a:gd name="connsiteX0" fmla="*/ 0 w 3822192"/>
              <a:gd name="connsiteY0" fmla="*/ 0 h 2615184"/>
              <a:gd name="connsiteX1" fmla="*/ 3822192 w 3822192"/>
              <a:gd name="connsiteY1" fmla="*/ 435873 h 2615184"/>
              <a:gd name="connsiteX2" fmla="*/ 3822192 w 3822192"/>
              <a:gd name="connsiteY2" fmla="*/ 2615184 h 2615184"/>
              <a:gd name="connsiteX3" fmla="*/ 0 w 3822192"/>
              <a:gd name="connsiteY3" fmla="*/ 2615184 h 2615184"/>
              <a:gd name="connsiteX4" fmla="*/ 0 w 3822192"/>
              <a:gd name="connsiteY4" fmla="*/ 0 h 2615184"/>
              <a:gd name="connsiteX0" fmla="*/ 0 w 3822192"/>
              <a:gd name="connsiteY0" fmla="*/ 431460 h 3046644"/>
              <a:gd name="connsiteX1" fmla="*/ 3822192 w 3822192"/>
              <a:gd name="connsiteY1" fmla="*/ 0 h 3046644"/>
              <a:gd name="connsiteX2" fmla="*/ 3822192 w 3822192"/>
              <a:gd name="connsiteY2" fmla="*/ 3046644 h 3046644"/>
              <a:gd name="connsiteX3" fmla="*/ 0 w 3822192"/>
              <a:gd name="connsiteY3" fmla="*/ 3046644 h 3046644"/>
              <a:gd name="connsiteX4" fmla="*/ 0 w 3822192"/>
              <a:gd name="connsiteY4" fmla="*/ 431460 h 304664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822192" h="3046644">
                <a:moveTo>
                  <a:pt x="0" y="431460"/>
                </a:moveTo>
                <a:lnTo>
                  <a:pt x="3822192" y="0"/>
                </a:lnTo>
                <a:lnTo>
                  <a:pt x="3822192" y="3046644"/>
                </a:lnTo>
                <a:lnTo>
                  <a:pt x="0" y="3046644"/>
                </a:lnTo>
                <a:lnTo>
                  <a:pt x="0" y="431460"/>
                </a:lnTo>
                <a:close/>
              </a:path>
            </a:pathLst>
          </a:custGeom>
          <a:solidFill>
            <a:srgbClr val="2553A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15" dirty="0">
              <a:latin typeface="Open Sans" panose="020B0606030504020204" pitchFamily="34" charset="0"/>
            </a:endParaRPr>
          </a:p>
        </p:txBody>
      </p:sp>
      <p:sp>
        <p:nvSpPr>
          <p:cNvPr id="8" name="Freeform 7">
            <a:extLst>
              <a:ext uri="{FF2B5EF4-FFF2-40B4-BE49-F238E27FC236}">
                <a16:creationId xmlns:a16="http://schemas.microsoft.com/office/drawing/2014/main" id="{EF499B42-6295-4A42-82E4-BB4D92741457}"/>
              </a:ext>
            </a:extLst>
          </p:cNvPr>
          <p:cNvSpPr/>
          <p:nvPr userDrawn="1"/>
        </p:nvSpPr>
        <p:spPr>
          <a:xfrm>
            <a:off x="-1000" y="5615786"/>
            <a:ext cx="12195970" cy="1241760"/>
          </a:xfrm>
          <a:custGeom>
            <a:avLst/>
            <a:gdLst>
              <a:gd name="connsiteX0" fmla="*/ 40944 w 11546006"/>
              <a:gd name="connsiteY0" fmla="*/ 53226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40944 w 11546006"/>
              <a:gd name="connsiteY6" fmla="*/ 532263 h 6482687"/>
              <a:gd name="connsiteX0" fmla="*/ 28244 w 11546006"/>
              <a:gd name="connsiteY0" fmla="*/ 538613 h 6482687"/>
              <a:gd name="connsiteX1" fmla="*/ 9130353 w 11546006"/>
              <a:gd name="connsiteY1" fmla="*/ 0 h 6482687"/>
              <a:gd name="connsiteX2" fmla="*/ 11546006 w 11546006"/>
              <a:gd name="connsiteY2" fmla="*/ 191069 h 6482687"/>
              <a:gd name="connsiteX3" fmla="*/ 11546006 w 11546006"/>
              <a:gd name="connsiteY3" fmla="*/ 6482687 h 6482687"/>
              <a:gd name="connsiteX4" fmla="*/ 10877266 w 11546006"/>
              <a:gd name="connsiteY4" fmla="*/ 6482687 h 6482687"/>
              <a:gd name="connsiteX5" fmla="*/ 0 w 11546006"/>
              <a:gd name="connsiteY5" fmla="*/ 6482687 h 6482687"/>
              <a:gd name="connsiteX6" fmla="*/ 28244 w 11546006"/>
              <a:gd name="connsiteY6" fmla="*/ 538613 h 6482687"/>
              <a:gd name="connsiteX0" fmla="*/ 6019 w 11523781"/>
              <a:gd name="connsiteY0" fmla="*/ 538613 h 6485862"/>
              <a:gd name="connsiteX1" fmla="*/ 9108128 w 11523781"/>
              <a:gd name="connsiteY1" fmla="*/ 0 h 6485862"/>
              <a:gd name="connsiteX2" fmla="*/ 11523781 w 11523781"/>
              <a:gd name="connsiteY2" fmla="*/ 191069 h 6485862"/>
              <a:gd name="connsiteX3" fmla="*/ 11523781 w 11523781"/>
              <a:gd name="connsiteY3" fmla="*/ 6482687 h 6485862"/>
              <a:gd name="connsiteX4" fmla="*/ 10855041 w 11523781"/>
              <a:gd name="connsiteY4" fmla="*/ 6482687 h 6485862"/>
              <a:gd name="connsiteX5" fmla="*/ 0 w 11523781"/>
              <a:gd name="connsiteY5" fmla="*/ 6485862 h 6485862"/>
              <a:gd name="connsiteX6" fmla="*/ 6019 w 11523781"/>
              <a:gd name="connsiteY6" fmla="*/ 538613 h 6485862"/>
              <a:gd name="connsiteX0" fmla="*/ 200 w 11517962"/>
              <a:gd name="connsiteY0" fmla="*/ 538613 h 6489037"/>
              <a:gd name="connsiteX1" fmla="*/ 9102309 w 11517962"/>
              <a:gd name="connsiteY1" fmla="*/ 0 h 6489037"/>
              <a:gd name="connsiteX2" fmla="*/ 11517962 w 11517962"/>
              <a:gd name="connsiteY2" fmla="*/ 191069 h 6489037"/>
              <a:gd name="connsiteX3" fmla="*/ 11517962 w 11517962"/>
              <a:gd name="connsiteY3" fmla="*/ 6482687 h 6489037"/>
              <a:gd name="connsiteX4" fmla="*/ 10849222 w 11517962"/>
              <a:gd name="connsiteY4" fmla="*/ 6482687 h 6489037"/>
              <a:gd name="connsiteX5" fmla="*/ 10056 w 11517962"/>
              <a:gd name="connsiteY5" fmla="*/ 6489037 h 6489037"/>
              <a:gd name="connsiteX6" fmla="*/ 200 w 11517962"/>
              <a:gd name="connsiteY6" fmla="*/ 538613 h 6489037"/>
              <a:gd name="connsiteX0" fmla="*/ 543 w 11518305"/>
              <a:gd name="connsiteY0" fmla="*/ 538613 h 6495387"/>
              <a:gd name="connsiteX1" fmla="*/ 9102652 w 11518305"/>
              <a:gd name="connsiteY1" fmla="*/ 0 h 6495387"/>
              <a:gd name="connsiteX2" fmla="*/ 11518305 w 11518305"/>
              <a:gd name="connsiteY2" fmla="*/ 191069 h 6495387"/>
              <a:gd name="connsiteX3" fmla="*/ 11518305 w 11518305"/>
              <a:gd name="connsiteY3" fmla="*/ 6482687 h 6495387"/>
              <a:gd name="connsiteX4" fmla="*/ 10849565 w 11518305"/>
              <a:gd name="connsiteY4" fmla="*/ 6482687 h 6495387"/>
              <a:gd name="connsiteX5" fmla="*/ 874 w 11518305"/>
              <a:gd name="connsiteY5" fmla="*/ 6495387 h 6495387"/>
              <a:gd name="connsiteX6" fmla="*/ 543 w 11518305"/>
              <a:gd name="connsiteY6" fmla="*/ 538613 h 6495387"/>
              <a:gd name="connsiteX0" fmla="*/ 0 w 11517762"/>
              <a:gd name="connsiteY0" fmla="*/ 538613 h 6495387"/>
              <a:gd name="connsiteX1" fmla="*/ 9102109 w 11517762"/>
              <a:gd name="connsiteY1" fmla="*/ 0 h 6495387"/>
              <a:gd name="connsiteX2" fmla="*/ 11517762 w 11517762"/>
              <a:gd name="connsiteY2" fmla="*/ 191069 h 6495387"/>
              <a:gd name="connsiteX3" fmla="*/ 11517762 w 11517762"/>
              <a:gd name="connsiteY3" fmla="*/ 6482687 h 6495387"/>
              <a:gd name="connsiteX4" fmla="*/ 10849022 w 11517762"/>
              <a:gd name="connsiteY4" fmla="*/ 6482687 h 6495387"/>
              <a:gd name="connsiteX5" fmla="*/ 331 w 11517762"/>
              <a:gd name="connsiteY5" fmla="*/ 6495387 h 6495387"/>
              <a:gd name="connsiteX6" fmla="*/ 0 w 11517762"/>
              <a:gd name="connsiteY6" fmla="*/ 538613 h 6495387"/>
              <a:gd name="connsiteX0" fmla="*/ 0 w 11530462"/>
              <a:gd name="connsiteY0" fmla="*/ 542140 h 6495387"/>
              <a:gd name="connsiteX1" fmla="*/ 9114809 w 11530462"/>
              <a:gd name="connsiteY1" fmla="*/ 0 h 6495387"/>
              <a:gd name="connsiteX2" fmla="*/ 11530462 w 11530462"/>
              <a:gd name="connsiteY2" fmla="*/ 191069 h 6495387"/>
              <a:gd name="connsiteX3" fmla="*/ 11530462 w 11530462"/>
              <a:gd name="connsiteY3" fmla="*/ 6482687 h 6495387"/>
              <a:gd name="connsiteX4" fmla="*/ 10861722 w 11530462"/>
              <a:gd name="connsiteY4" fmla="*/ 6482687 h 6495387"/>
              <a:gd name="connsiteX5" fmla="*/ 13031 w 11530462"/>
              <a:gd name="connsiteY5" fmla="*/ 6495387 h 6495387"/>
              <a:gd name="connsiteX6" fmla="*/ 0 w 11530462"/>
              <a:gd name="connsiteY6" fmla="*/ 542140 h 6495387"/>
              <a:gd name="connsiteX0" fmla="*/ 0 w 11530462"/>
              <a:gd name="connsiteY0" fmla="*/ 542140 h 6484805"/>
              <a:gd name="connsiteX1" fmla="*/ 9114809 w 11530462"/>
              <a:gd name="connsiteY1" fmla="*/ 0 h 6484805"/>
              <a:gd name="connsiteX2" fmla="*/ 11530462 w 11530462"/>
              <a:gd name="connsiteY2" fmla="*/ 191069 h 6484805"/>
              <a:gd name="connsiteX3" fmla="*/ 11530462 w 11530462"/>
              <a:gd name="connsiteY3" fmla="*/ 6482687 h 6484805"/>
              <a:gd name="connsiteX4" fmla="*/ 10861722 w 11530462"/>
              <a:gd name="connsiteY4" fmla="*/ 6482687 h 6484805"/>
              <a:gd name="connsiteX5" fmla="*/ 16206 w 11530462"/>
              <a:gd name="connsiteY5" fmla="*/ 6484805 h 6484805"/>
              <a:gd name="connsiteX6" fmla="*/ 0 w 11530462"/>
              <a:gd name="connsiteY6" fmla="*/ 542140 h 6484805"/>
              <a:gd name="connsiteX0" fmla="*/ 0 w 11530462"/>
              <a:gd name="connsiteY0" fmla="*/ 542140 h 6488332"/>
              <a:gd name="connsiteX1" fmla="*/ 9114809 w 11530462"/>
              <a:gd name="connsiteY1" fmla="*/ 0 h 6488332"/>
              <a:gd name="connsiteX2" fmla="*/ 11530462 w 11530462"/>
              <a:gd name="connsiteY2" fmla="*/ 191069 h 6488332"/>
              <a:gd name="connsiteX3" fmla="*/ 11530462 w 11530462"/>
              <a:gd name="connsiteY3" fmla="*/ 6482687 h 6488332"/>
              <a:gd name="connsiteX4" fmla="*/ 10861722 w 11530462"/>
              <a:gd name="connsiteY4" fmla="*/ 6482687 h 6488332"/>
              <a:gd name="connsiteX5" fmla="*/ 3506 w 11530462"/>
              <a:gd name="connsiteY5" fmla="*/ 6488332 h 6488332"/>
              <a:gd name="connsiteX6" fmla="*/ 0 w 11530462"/>
              <a:gd name="connsiteY6" fmla="*/ 542140 h 6488332"/>
              <a:gd name="connsiteX0" fmla="*/ 2846 w 11533308"/>
              <a:gd name="connsiteY0" fmla="*/ 542140 h 6491859"/>
              <a:gd name="connsiteX1" fmla="*/ 9117655 w 11533308"/>
              <a:gd name="connsiteY1" fmla="*/ 0 h 6491859"/>
              <a:gd name="connsiteX2" fmla="*/ 11533308 w 11533308"/>
              <a:gd name="connsiteY2" fmla="*/ 191069 h 6491859"/>
              <a:gd name="connsiteX3" fmla="*/ 11533308 w 11533308"/>
              <a:gd name="connsiteY3" fmla="*/ 6482687 h 6491859"/>
              <a:gd name="connsiteX4" fmla="*/ 10864568 w 11533308"/>
              <a:gd name="connsiteY4" fmla="*/ 6482687 h 6491859"/>
              <a:gd name="connsiteX5" fmla="*/ 2 w 11533308"/>
              <a:gd name="connsiteY5" fmla="*/ 6491859 h 6491859"/>
              <a:gd name="connsiteX6" fmla="*/ 2846 w 11533308"/>
              <a:gd name="connsiteY6" fmla="*/ 542140 h 6491859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10861722 w 11530462"/>
              <a:gd name="connsiteY4" fmla="*/ 6482687 h 6495386"/>
              <a:gd name="connsiteX5" fmla="*/ 331 w 11530462"/>
              <a:gd name="connsiteY5" fmla="*/ 6495386 h 6495386"/>
              <a:gd name="connsiteX6" fmla="*/ 0 w 11530462"/>
              <a:gd name="connsiteY6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82687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495386"/>
              <a:gd name="connsiteX1" fmla="*/ 9114809 w 11530462"/>
              <a:gd name="connsiteY1" fmla="*/ 0 h 6495386"/>
              <a:gd name="connsiteX2" fmla="*/ 11530462 w 11530462"/>
              <a:gd name="connsiteY2" fmla="*/ 191069 h 6495386"/>
              <a:gd name="connsiteX3" fmla="*/ 11530462 w 11530462"/>
              <a:gd name="connsiteY3" fmla="*/ 6493270 h 6495386"/>
              <a:gd name="connsiteX4" fmla="*/ 331 w 11530462"/>
              <a:gd name="connsiteY4" fmla="*/ 6495386 h 6495386"/>
              <a:gd name="connsiteX5" fmla="*/ 0 w 11530462"/>
              <a:gd name="connsiteY5" fmla="*/ 542140 h 6495386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3853"/>
              <a:gd name="connsiteX1" fmla="*/ 9114809 w 11530462"/>
              <a:gd name="connsiteY1" fmla="*/ 0 h 6503853"/>
              <a:gd name="connsiteX2" fmla="*/ 11530462 w 11530462"/>
              <a:gd name="connsiteY2" fmla="*/ 191069 h 6503853"/>
              <a:gd name="connsiteX3" fmla="*/ 11530462 w 11530462"/>
              <a:gd name="connsiteY3" fmla="*/ 6503853 h 6503853"/>
              <a:gd name="connsiteX4" fmla="*/ 331 w 11530462"/>
              <a:gd name="connsiteY4" fmla="*/ 6495386 h 6503853"/>
              <a:gd name="connsiteX5" fmla="*/ 0 w 11530462"/>
              <a:gd name="connsiteY5" fmla="*/ 542140 h 6503853"/>
              <a:gd name="connsiteX0" fmla="*/ 0 w 11530462"/>
              <a:gd name="connsiteY0" fmla="*/ 542140 h 6500326"/>
              <a:gd name="connsiteX1" fmla="*/ 9114809 w 11530462"/>
              <a:gd name="connsiteY1" fmla="*/ 0 h 6500326"/>
              <a:gd name="connsiteX2" fmla="*/ 11530462 w 11530462"/>
              <a:gd name="connsiteY2" fmla="*/ 191069 h 6500326"/>
              <a:gd name="connsiteX3" fmla="*/ 11524112 w 11530462"/>
              <a:gd name="connsiteY3" fmla="*/ 6500326 h 6500326"/>
              <a:gd name="connsiteX4" fmla="*/ 331 w 11530462"/>
              <a:gd name="connsiteY4" fmla="*/ 6495386 h 6500326"/>
              <a:gd name="connsiteX5" fmla="*/ 0 w 11530462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1069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7287"/>
              <a:gd name="connsiteY0" fmla="*/ 542140 h 6500326"/>
              <a:gd name="connsiteX1" fmla="*/ 9114809 w 11527287"/>
              <a:gd name="connsiteY1" fmla="*/ 0 h 6500326"/>
              <a:gd name="connsiteX2" fmla="*/ 11527287 w 11527287"/>
              <a:gd name="connsiteY2" fmla="*/ 198124 h 6500326"/>
              <a:gd name="connsiteX3" fmla="*/ 11524112 w 11527287"/>
              <a:gd name="connsiteY3" fmla="*/ 6500326 h 6500326"/>
              <a:gd name="connsiteX4" fmla="*/ 331 w 11527287"/>
              <a:gd name="connsiteY4" fmla="*/ 6495386 h 6500326"/>
              <a:gd name="connsiteX5" fmla="*/ 0 w 11527287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198124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393"/>
              <a:gd name="connsiteY0" fmla="*/ 542140 h 6500326"/>
              <a:gd name="connsiteX1" fmla="*/ 9114809 w 11524393"/>
              <a:gd name="connsiteY1" fmla="*/ 0 h 6500326"/>
              <a:gd name="connsiteX2" fmla="*/ 11517762 w 11524393"/>
              <a:gd name="connsiteY2" fmla="*/ 198124 h 6500326"/>
              <a:gd name="connsiteX3" fmla="*/ 11524112 w 11524393"/>
              <a:gd name="connsiteY3" fmla="*/ 6500326 h 6500326"/>
              <a:gd name="connsiteX4" fmla="*/ 331 w 11524393"/>
              <a:gd name="connsiteY4" fmla="*/ 6495386 h 6500326"/>
              <a:gd name="connsiteX5" fmla="*/ 0 w 1152439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1651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5178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5178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723"/>
              <a:gd name="connsiteY0" fmla="*/ 542140 h 6500326"/>
              <a:gd name="connsiteX1" fmla="*/ 9114809 w 11524723"/>
              <a:gd name="connsiteY1" fmla="*/ 0 h 6500326"/>
              <a:gd name="connsiteX2" fmla="*/ 11524112 w 11524723"/>
              <a:gd name="connsiteY2" fmla="*/ 208706 h 6500326"/>
              <a:gd name="connsiteX3" fmla="*/ 11524112 w 11524723"/>
              <a:gd name="connsiteY3" fmla="*/ 6500326 h 6500326"/>
              <a:gd name="connsiteX4" fmla="*/ 331 w 11524723"/>
              <a:gd name="connsiteY4" fmla="*/ 6495386 h 6500326"/>
              <a:gd name="connsiteX5" fmla="*/ 0 w 11524723"/>
              <a:gd name="connsiteY5" fmla="*/ 542140 h 6500326"/>
              <a:gd name="connsiteX0" fmla="*/ 0 w 11524496"/>
              <a:gd name="connsiteY0" fmla="*/ 542140 h 6500326"/>
              <a:gd name="connsiteX1" fmla="*/ 9114809 w 11524496"/>
              <a:gd name="connsiteY1" fmla="*/ 0 h 6500326"/>
              <a:gd name="connsiteX2" fmla="*/ 11520937 w 11524496"/>
              <a:gd name="connsiteY2" fmla="*/ 208706 h 6500326"/>
              <a:gd name="connsiteX3" fmla="*/ 11524112 w 11524496"/>
              <a:gd name="connsiteY3" fmla="*/ 6500326 h 6500326"/>
              <a:gd name="connsiteX4" fmla="*/ 331 w 11524496"/>
              <a:gd name="connsiteY4" fmla="*/ 6495386 h 6500326"/>
              <a:gd name="connsiteX5" fmla="*/ 0 w 11524496"/>
              <a:gd name="connsiteY5" fmla="*/ 542140 h 6500326"/>
              <a:gd name="connsiteX0" fmla="*/ 0 w 11524496"/>
              <a:gd name="connsiteY0" fmla="*/ 542140 h 6495385"/>
              <a:gd name="connsiteX1" fmla="*/ 9114809 w 11524496"/>
              <a:gd name="connsiteY1" fmla="*/ 0 h 6495385"/>
              <a:gd name="connsiteX2" fmla="*/ 11520937 w 11524496"/>
              <a:gd name="connsiteY2" fmla="*/ 208706 h 6495385"/>
              <a:gd name="connsiteX3" fmla="*/ 11524112 w 11524496"/>
              <a:gd name="connsiteY3" fmla="*/ 3188572 h 6495385"/>
              <a:gd name="connsiteX4" fmla="*/ 331 w 11524496"/>
              <a:gd name="connsiteY4" fmla="*/ 6495386 h 6495385"/>
              <a:gd name="connsiteX5" fmla="*/ 0 w 11524496"/>
              <a:gd name="connsiteY5" fmla="*/ 542140 h 6495385"/>
              <a:gd name="connsiteX0" fmla="*/ 0 w 11524112"/>
              <a:gd name="connsiteY0" fmla="*/ 542140 h 6495386"/>
              <a:gd name="connsiteX1" fmla="*/ 9114809 w 11524112"/>
              <a:gd name="connsiteY1" fmla="*/ 0 h 6495386"/>
              <a:gd name="connsiteX2" fmla="*/ 11520937 w 11524112"/>
              <a:gd name="connsiteY2" fmla="*/ 208706 h 6495386"/>
              <a:gd name="connsiteX3" fmla="*/ 11524112 w 11524112"/>
              <a:gd name="connsiteY3" fmla="*/ 3188572 h 6495386"/>
              <a:gd name="connsiteX4" fmla="*/ 331 w 11524112"/>
              <a:gd name="connsiteY4" fmla="*/ 6495386 h 6495386"/>
              <a:gd name="connsiteX5" fmla="*/ 0 w 11524112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14384 w 11520937"/>
              <a:gd name="connsiteY3" fmla="*/ 2233650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14384 w 11520937"/>
              <a:gd name="connsiteY3" fmla="*/ 2233650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6495386"/>
              <a:gd name="connsiteX1" fmla="*/ 9114809 w 11520937"/>
              <a:gd name="connsiteY1" fmla="*/ 0 h 6495386"/>
              <a:gd name="connsiteX2" fmla="*/ 11520937 w 11520937"/>
              <a:gd name="connsiteY2" fmla="*/ 208706 h 6495386"/>
              <a:gd name="connsiteX3" fmla="*/ 11450960 w 11520937"/>
              <a:gd name="connsiteY3" fmla="*/ 1359997 h 6495386"/>
              <a:gd name="connsiteX4" fmla="*/ 331 w 11520937"/>
              <a:gd name="connsiteY4" fmla="*/ 6495386 h 6495386"/>
              <a:gd name="connsiteX5" fmla="*/ 0 w 11520937"/>
              <a:gd name="connsiteY5" fmla="*/ 542140 h 6495386"/>
              <a:gd name="connsiteX0" fmla="*/ 0 w 11520937"/>
              <a:gd name="connsiteY0" fmla="*/ 542140 h 1842676"/>
              <a:gd name="connsiteX1" fmla="*/ 9114809 w 11520937"/>
              <a:gd name="connsiteY1" fmla="*/ 0 h 1842676"/>
              <a:gd name="connsiteX2" fmla="*/ 11520937 w 11520937"/>
              <a:gd name="connsiteY2" fmla="*/ 208706 h 1842676"/>
              <a:gd name="connsiteX3" fmla="*/ 11450960 w 11520937"/>
              <a:gd name="connsiteY3" fmla="*/ 1359997 h 1842676"/>
              <a:gd name="connsiteX4" fmla="*/ 402667 w 11520937"/>
              <a:gd name="connsiteY4" fmla="*/ 1842676 h 1842676"/>
              <a:gd name="connsiteX5" fmla="*/ 0 w 11520937"/>
              <a:gd name="connsiteY5" fmla="*/ 542140 h 1842676"/>
              <a:gd name="connsiteX0" fmla="*/ 0 w 11520937"/>
              <a:gd name="connsiteY0" fmla="*/ 542140 h 1873037"/>
              <a:gd name="connsiteX1" fmla="*/ 9114809 w 11520937"/>
              <a:gd name="connsiteY1" fmla="*/ 0 h 1873037"/>
              <a:gd name="connsiteX2" fmla="*/ 11520937 w 11520937"/>
              <a:gd name="connsiteY2" fmla="*/ 208706 h 1873037"/>
              <a:gd name="connsiteX3" fmla="*/ 11450960 w 11520937"/>
              <a:gd name="connsiteY3" fmla="*/ 1359997 h 1873037"/>
              <a:gd name="connsiteX4" fmla="*/ 402667 w 11520937"/>
              <a:gd name="connsiteY4" fmla="*/ 1842676 h 1873037"/>
              <a:gd name="connsiteX5" fmla="*/ 0 w 11520937"/>
              <a:gd name="connsiteY5" fmla="*/ 542140 h 1873037"/>
              <a:gd name="connsiteX0" fmla="*/ 7907 w 11528844"/>
              <a:gd name="connsiteY0" fmla="*/ 542140 h 1536909"/>
              <a:gd name="connsiteX1" fmla="*/ 9122716 w 11528844"/>
              <a:gd name="connsiteY1" fmla="*/ 0 h 1536909"/>
              <a:gd name="connsiteX2" fmla="*/ 11528844 w 11528844"/>
              <a:gd name="connsiteY2" fmla="*/ 208706 h 1536909"/>
              <a:gd name="connsiteX3" fmla="*/ 11458867 w 11528844"/>
              <a:gd name="connsiteY3" fmla="*/ 1359997 h 1536909"/>
              <a:gd name="connsiteX4" fmla="*/ 8238 w 11528844"/>
              <a:gd name="connsiteY4" fmla="*/ 1090928 h 1536909"/>
              <a:gd name="connsiteX5" fmla="*/ 7907 w 11528844"/>
              <a:gd name="connsiteY5" fmla="*/ 542140 h 1536909"/>
              <a:gd name="connsiteX0" fmla="*/ 0 w 11520937"/>
              <a:gd name="connsiteY0" fmla="*/ 542140 h 1516989"/>
              <a:gd name="connsiteX1" fmla="*/ 9114809 w 11520937"/>
              <a:gd name="connsiteY1" fmla="*/ 0 h 1516989"/>
              <a:gd name="connsiteX2" fmla="*/ 11520937 w 11520937"/>
              <a:gd name="connsiteY2" fmla="*/ 208706 h 1516989"/>
              <a:gd name="connsiteX3" fmla="*/ 11450960 w 11520937"/>
              <a:gd name="connsiteY3" fmla="*/ 1359997 h 1516989"/>
              <a:gd name="connsiteX4" fmla="*/ 329515 w 11520937"/>
              <a:gd name="connsiteY4" fmla="*/ 1029976 h 1516989"/>
              <a:gd name="connsiteX5" fmla="*/ 0 w 11520937"/>
              <a:gd name="connsiteY5" fmla="*/ 542140 h 1516989"/>
              <a:gd name="connsiteX0" fmla="*/ 0 w 11520937"/>
              <a:gd name="connsiteY0" fmla="*/ 542140 h 1562013"/>
              <a:gd name="connsiteX1" fmla="*/ 9114809 w 11520937"/>
              <a:gd name="connsiteY1" fmla="*/ 0 h 1562013"/>
              <a:gd name="connsiteX2" fmla="*/ 11520937 w 11520937"/>
              <a:gd name="connsiteY2" fmla="*/ 208706 h 1562013"/>
              <a:gd name="connsiteX3" fmla="*/ 11450960 w 11520937"/>
              <a:gd name="connsiteY3" fmla="*/ 1359997 h 1562013"/>
              <a:gd name="connsiteX4" fmla="*/ 179534 w 11520937"/>
              <a:gd name="connsiteY4" fmla="*/ 1164351 h 1562013"/>
              <a:gd name="connsiteX5" fmla="*/ 0 w 11520937"/>
              <a:gd name="connsiteY5" fmla="*/ 542140 h 1562013"/>
              <a:gd name="connsiteX0" fmla="*/ 0 w 11520937"/>
              <a:gd name="connsiteY0" fmla="*/ 542140 h 1520033"/>
              <a:gd name="connsiteX1" fmla="*/ 9114809 w 11520937"/>
              <a:gd name="connsiteY1" fmla="*/ 0 h 1520033"/>
              <a:gd name="connsiteX2" fmla="*/ 11520937 w 11520937"/>
              <a:gd name="connsiteY2" fmla="*/ 208706 h 1520033"/>
              <a:gd name="connsiteX3" fmla="*/ 11450960 w 11520937"/>
              <a:gd name="connsiteY3" fmla="*/ 1359997 h 1520033"/>
              <a:gd name="connsiteX4" fmla="*/ 179534 w 11520937"/>
              <a:gd name="connsiteY4" fmla="*/ 1164351 h 1520033"/>
              <a:gd name="connsiteX5" fmla="*/ 0 w 11520937"/>
              <a:gd name="connsiteY5" fmla="*/ 542140 h 1520033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79534 w 11520937"/>
              <a:gd name="connsiteY4" fmla="*/ 1164351 h 1363604"/>
              <a:gd name="connsiteX5" fmla="*/ 0 w 11520937"/>
              <a:gd name="connsiteY5" fmla="*/ 542140 h 1363604"/>
              <a:gd name="connsiteX0" fmla="*/ 1532 w 11522469"/>
              <a:gd name="connsiteY0" fmla="*/ 542140 h 1363604"/>
              <a:gd name="connsiteX1" fmla="*/ 9116341 w 11522469"/>
              <a:gd name="connsiteY1" fmla="*/ 0 h 1363604"/>
              <a:gd name="connsiteX2" fmla="*/ 11522469 w 11522469"/>
              <a:gd name="connsiteY2" fmla="*/ 208706 h 1363604"/>
              <a:gd name="connsiteX3" fmla="*/ 11452492 w 11522469"/>
              <a:gd name="connsiteY3" fmla="*/ 1359997 h 1363604"/>
              <a:gd name="connsiteX4" fmla="*/ 16571 w 11522469"/>
              <a:gd name="connsiteY4" fmla="*/ 1261101 h 1363604"/>
              <a:gd name="connsiteX5" fmla="*/ 1532 w 11522469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5039 w 11520937"/>
              <a:gd name="connsiteY4" fmla="*/ 1261101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15039 w 11520937"/>
              <a:gd name="connsiteY4" fmla="*/ 1261101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8689 w 11520937"/>
              <a:gd name="connsiteY4" fmla="*/ 1271683 h 1363604"/>
              <a:gd name="connsiteX5" fmla="*/ 0 w 11520937"/>
              <a:gd name="connsiteY5" fmla="*/ 542140 h 1363604"/>
              <a:gd name="connsiteX0" fmla="*/ 0 w 11520937"/>
              <a:gd name="connsiteY0" fmla="*/ 542140 h 1363604"/>
              <a:gd name="connsiteX1" fmla="*/ 9114809 w 11520937"/>
              <a:gd name="connsiteY1" fmla="*/ 0 h 1363604"/>
              <a:gd name="connsiteX2" fmla="*/ 11520937 w 11520937"/>
              <a:gd name="connsiteY2" fmla="*/ 208706 h 1363604"/>
              <a:gd name="connsiteX3" fmla="*/ 11450960 w 11520937"/>
              <a:gd name="connsiteY3" fmla="*/ 1359997 h 1363604"/>
              <a:gd name="connsiteX4" fmla="*/ 8689 w 11520937"/>
              <a:gd name="connsiteY4" fmla="*/ 1271683 h 1363604"/>
              <a:gd name="connsiteX5" fmla="*/ 0 w 11520937"/>
              <a:gd name="connsiteY5" fmla="*/ 542140 h 1363604"/>
              <a:gd name="connsiteX0" fmla="*/ 946 w 11521883"/>
              <a:gd name="connsiteY0" fmla="*/ 542140 h 1363604"/>
              <a:gd name="connsiteX1" fmla="*/ 9115755 w 11521883"/>
              <a:gd name="connsiteY1" fmla="*/ 0 h 1363604"/>
              <a:gd name="connsiteX2" fmla="*/ 11521883 w 11521883"/>
              <a:gd name="connsiteY2" fmla="*/ 208706 h 1363604"/>
              <a:gd name="connsiteX3" fmla="*/ 11451906 w 11521883"/>
              <a:gd name="connsiteY3" fmla="*/ 1359997 h 1363604"/>
              <a:gd name="connsiteX4" fmla="*/ 110 w 11521883"/>
              <a:gd name="connsiteY4" fmla="*/ 1268156 h 1363604"/>
              <a:gd name="connsiteX5" fmla="*/ 946 w 11521883"/>
              <a:gd name="connsiteY5" fmla="*/ 542140 h 1363604"/>
              <a:gd name="connsiteX0" fmla="*/ 946 w 11525058"/>
              <a:gd name="connsiteY0" fmla="*/ 542140 h 1359997"/>
              <a:gd name="connsiteX1" fmla="*/ 9115755 w 11525058"/>
              <a:gd name="connsiteY1" fmla="*/ 0 h 1359997"/>
              <a:gd name="connsiteX2" fmla="*/ 11525058 w 11525058"/>
              <a:gd name="connsiteY2" fmla="*/ 169906 h 1359997"/>
              <a:gd name="connsiteX3" fmla="*/ 11451906 w 11525058"/>
              <a:gd name="connsiteY3" fmla="*/ 1359997 h 1359997"/>
              <a:gd name="connsiteX4" fmla="*/ 110 w 11525058"/>
              <a:gd name="connsiteY4" fmla="*/ 1268156 h 1359997"/>
              <a:gd name="connsiteX5" fmla="*/ 946 w 11525058"/>
              <a:gd name="connsiteY5" fmla="*/ 542140 h 1359997"/>
              <a:gd name="connsiteX0" fmla="*/ 946 w 11525073"/>
              <a:gd name="connsiteY0" fmla="*/ 542140 h 1359997"/>
              <a:gd name="connsiteX1" fmla="*/ 9115755 w 11525073"/>
              <a:gd name="connsiteY1" fmla="*/ 0 h 1359997"/>
              <a:gd name="connsiteX2" fmla="*/ 11525058 w 11525073"/>
              <a:gd name="connsiteY2" fmla="*/ 169906 h 1359997"/>
              <a:gd name="connsiteX3" fmla="*/ 11451906 w 11525073"/>
              <a:gd name="connsiteY3" fmla="*/ 1359997 h 1359997"/>
              <a:gd name="connsiteX4" fmla="*/ 110 w 11525073"/>
              <a:gd name="connsiteY4" fmla="*/ 1268156 h 1359997"/>
              <a:gd name="connsiteX5" fmla="*/ 946 w 11525073"/>
              <a:gd name="connsiteY5" fmla="*/ 542140 h 1359997"/>
              <a:gd name="connsiteX0" fmla="*/ 946 w 11526882"/>
              <a:gd name="connsiteY0" fmla="*/ 542140 h 1268286"/>
              <a:gd name="connsiteX1" fmla="*/ 9115755 w 11526882"/>
              <a:gd name="connsiteY1" fmla="*/ 0 h 1268286"/>
              <a:gd name="connsiteX2" fmla="*/ 11525058 w 11526882"/>
              <a:gd name="connsiteY2" fmla="*/ 169906 h 1268286"/>
              <a:gd name="connsiteX3" fmla="*/ 11512231 w 11526882"/>
              <a:gd name="connsiteY3" fmla="*/ 1268286 h 1268286"/>
              <a:gd name="connsiteX4" fmla="*/ 110 w 11526882"/>
              <a:gd name="connsiteY4" fmla="*/ 1268156 h 1268286"/>
              <a:gd name="connsiteX5" fmla="*/ 946 w 11526882"/>
              <a:gd name="connsiteY5" fmla="*/ 542140 h 1268286"/>
              <a:gd name="connsiteX0" fmla="*/ 946 w 11525140"/>
              <a:gd name="connsiteY0" fmla="*/ 542140 h 1268286"/>
              <a:gd name="connsiteX1" fmla="*/ 9115755 w 11525140"/>
              <a:gd name="connsiteY1" fmla="*/ 0 h 1268286"/>
              <a:gd name="connsiteX2" fmla="*/ 11525058 w 11525140"/>
              <a:gd name="connsiteY2" fmla="*/ 169906 h 1268286"/>
              <a:gd name="connsiteX3" fmla="*/ 11512231 w 11525140"/>
              <a:gd name="connsiteY3" fmla="*/ 1268286 h 1268286"/>
              <a:gd name="connsiteX4" fmla="*/ 110 w 11525140"/>
              <a:gd name="connsiteY4" fmla="*/ 1268156 h 1268286"/>
              <a:gd name="connsiteX5" fmla="*/ 946 w 11525140"/>
              <a:gd name="connsiteY5" fmla="*/ 542140 h 1268286"/>
              <a:gd name="connsiteX0" fmla="*/ 946 w 11525270"/>
              <a:gd name="connsiteY0" fmla="*/ 542140 h 1271813"/>
              <a:gd name="connsiteX1" fmla="*/ 9115755 w 11525270"/>
              <a:gd name="connsiteY1" fmla="*/ 0 h 1271813"/>
              <a:gd name="connsiteX2" fmla="*/ 11525058 w 11525270"/>
              <a:gd name="connsiteY2" fmla="*/ 169906 h 1271813"/>
              <a:gd name="connsiteX3" fmla="*/ 11518581 w 11525270"/>
              <a:gd name="connsiteY3" fmla="*/ 1271813 h 1271813"/>
              <a:gd name="connsiteX4" fmla="*/ 110 w 11525270"/>
              <a:gd name="connsiteY4" fmla="*/ 1268156 h 1271813"/>
              <a:gd name="connsiteX5" fmla="*/ 946 w 11525270"/>
              <a:gd name="connsiteY5" fmla="*/ 542140 h 1271813"/>
              <a:gd name="connsiteX0" fmla="*/ 946 w 11527241"/>
              <a:gd name="connsiteY0" fmla="*/ 542140 h 1271813"/>
              <a:gd name="connsiteX1" fmla="*/ 9115755 w 11527241"/>
              <a:gd name="connsiteY1" fmla="*/ 0 h 1271813"/>
              <a:gd name="connsiteX2" fmla="*/ 11525058 w 11527241"/>
              <a:gd name="connsiteY2" fmla="*/ 169906 h 1271813"/>
              <a:gd name="connsiteX3" fmla="*/ 11524931 w 11527241"/>
              <a:gd name="connsiteY3" fmla="*/ 1271813 h 1271813"/>
              <a:gd name="connsiteX4" fmla="*/ 110 w 11527241"/>
              <a:gd name="connsiteY4" fmla="*/ 1268156 h 1271813"/>
              <a:gd name="connsiteX5" fmla="*/ 946 w 11527241"/>
              <a:gd name="connsiteY5" fmla="*/ 542140 h 1271813"/>
              <a:gd name="connsiteX0" fmla="*/ 946 w 11527241"/>
              <a:gd name="connsiteY0" fmla="*/ 573886 h 1303559"/>
              <a:gd name="connsiteX1" fmla="*/ 9030030 w 11527241"/>
              <a:gd name="connsiteY1" fmla="*/ 0 h 1303559"/>
              <a:gd name="connsiteX2" fmla="*/ 11525058 w 11527241"/>
              <a:gd name="connsiteY2" fmla="*/ 201652 h 1303559"/>
              <a:gd name="connsiteX3" fmla="*/ 11524931 w 11527241"/>
              <a:gd name="connsiteY3" fmla="*/ 1303559 h 1303559"/>
              <a:gd name="connsiteX4" fmla="*/ 110 w 11527241"/>
              <a:gd name="connsiteY4" fmla="*/ 1299902 h 1303559"/>
              <a:gd name="connsiteX5" fmla="*/ 946 w 11527241"/>
              <a:gd name="connsiteY5" fmla="*/ 573886 h 1303559"/>
              <a:gd name="connsiteX0" fmla="*/ 946 w 11527241"/>
              <a:gd name="connsiteY0" fmla="*/ 573886 h 1303559"/>
              <a:gd name="connsiteX1" fmla="*/ 9036380 w 11527241"/>
              <a:gd name="connsiteY1" fmla="*/ 0 h 1303559"/>
              <a:gd name="connsiteX2" fmla="*/ 11525058 w 11527241"/>
              <a:gd name="connsiteY2" fmla="*/ 201652 h 1303559"/>
              <a:gd name="connsiteX3" fmla="*/ 11524931 w 11527241"/>
              <a:gd name="connsiteY3" fmla="*/ 1303559 h 1303559"/>
              <a:gd name="connsiteX4" fmla="*/ 110 w 11527241"/>
              <a:gd name="connsiteY4" fmla="*/ 1299902 h 1303559"/>
              <a:gd name="connsiteX5" fmla="*/ 946 w 11527241"/>
              <a:gd name="connsiteY5" fmla="*/ 573886 h 13035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1527241" h="1303559">
                <a:moveTo>
                  <a:pt x="946" y="573886"/>
                </a:moveTo>
                <a:lnTo>
                  <a:pt x="9036380" y="0"/>
                </a:lnTo>
                <a:lnTo>
                  <a:pt x="11525058" y="201652"/>
                </a:lnTo>
                <a:cubicBezTo>
                  <a:pt x="11526116" y="664524"/>
                  <a:pt x="11529461" y="717231"/>
                  <a:pt x="11524931" y="1303559"/>
                </a:cubicBezTo>
                <a:lnTo>
                  <a:pt x="110" y="1299902"/>
                </a:lnTo>
                <a:cubicBezTo>
                  <a:pt x="-750" y="939156"/>
                  <a:pt x="3777" y="902801"/>
                  <a:pt x="946" y="573886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6745" tIns="48372" rIns="96745" bIns="48372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904" dirty="0">
              <a:latin typeface="Open Sans" panose="020B0606030504020204" pitchFamily="34" charset="0"/>
            </a:endParaRP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329FE3A3-0877-9549-9820-361670EFC8B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14203" y="3039228"/>
            <a:ext cx="8750684" cy="2032310"/>
          </a:xfrm>
          <a:prstGeom prst="rect">
            <a:avLst/>
          </a:prstGeom>
        </p:spPr>
        <p:txBody>
          <a:bodyPr anchor="t">
            <a:normAutofit/>
          </a:bodyPr>
          <a:lstStyle>
            <a:lvl1pPr algn="l">
              <a:defRPr lang="da-DK" sz="4867" spc="0" baseline="0" smtClean="0">
                <a:solidFill>
                  <a:schemeClr val="bg1"/>
                </a:solidFill>
                <a:effectLst/>
                <a:latin typeface="+mj-lt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da-DK" dirty="0"/>
              <a:t>Klik for at tilføje tit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5300CE7-8646-4ADF-B6CB-771F668653C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7047589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image" Target="../media/image1.emf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A9A7C19-9E88-49E4-852F-22254990A6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3224" y="1409662"/>
            <a:ext cx="10851404" cy="1493480"/>
          </a:xfrm>
          <a:prstGeom prst="rect">
            <a:avLst/>
          </a:prstGeom>
        </p:spPr>
        <p:txBody>
          <a:bodyPr vert="horz" lIns="0" tIns="0" rIns="0" bIns="0" rtlCol="0" anchor="ctr">
            <a:normAutofit/>
          </a:bodyPr>
          <a:lstStyle/>
          <a:p>
            <a:r>
              <a:rPr lang="da-DK" dirty="0"/>
              <a:t>Click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5DF0E2-2399-4657-9B95-3FE3B6DA38B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13224" y="3040298"/>
            <a:ext cx="10851404" cy="331536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4FE3BC11-B014-4038-8634-40E247186EEB}"/>
              </a:ext>
            </a:extLst>
          </p:cNvPr>
          <p:cNvPicPr>
            <a:picLocks noChangeAspect="1"/>
          </p:cNvPicPr>
          <p:nvPr userDrawn="1"/>
        </p:nvPicPr>
        <p:blipFill>
          <a:blip r:embed="rId26"/>
          <a:stretch>
            <a:fillRect/>
          </a:stretch>
        </p:blipFill>
        <p:spPr>
          <a:xfrm>
            <a:off x="30471" y="68578"/>
            <a:ext cx="1813011" cy="1032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30955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4" r:id="rId1"/>
    <p:sldLayoutId id="2147483710" r:id="rId2"/>
    <p:sldLayoutId id="2147483675" r:id="rId3"/>
    <p:sldLayoutId id="2147483687" r:id="rId4"/>
    <p:sldLayoutId id="2147483689" r:id="rId5"/>
    <p:sldLayoutId id="2147483686" r:id="rId6"/>
    <p:sldLayoutId id="2147483688" r:id="rId7"/>
    <p:sldLayoutId id="2147483690" r:id="rId8"/>
    <p:sldLayoutId id="2147483691" r:id="rId9"/>
    <p:sldLayoutId id="2147483692" r:id="rId10"/>
    <p:sldLayoutId id="2147483695" r:id="rId11"/>
    <p:sldLayoutId id="2147483705" r:id="rId12"/>
    <p:sldLayoutId id="2147483706" r:id="rId13"/>
    <p:sldLayoutId id="2147483697" r:id="rId14"/>
    <p:sldLayoutId id="2147483702" r:id="rId15"/>
    <p:sldLayoutId id="2147483707" r:id="rId16"/>
    <p:sldLayoutId id="2147483694" r:id="rId17"/>
    <p:sldLayoutId id="2147483704" r:id="rId18"/>
    <p:sldLayoutId id="2147483708" r:id="rId19"/>
    <p:sldLayoutId id="2147483696" r:id="rId20"/>
    <p:sldLayoutId id="2147483703" r:id="rId21"/>
    <p:sldLayoutId id="2147483709" r:id="rId22"/>
    <p:sldLayoutId id="2147483698" r:id="rId23"/>
    <p:sldLayoutId id="2147483700" r:id="rId24"/>
  </p:sldLayoutIdLst>
  <p:hf sldNum="0" hdr="0" ftr="0" dt="0"/>
  <p:txStyles>
    <p:titleStyle>
      <a:lvl1pPr algn="l" defTabSz="914130" rtl="0" eaLnBrk="1" latinLnBrk="0" hangingPunct="1">
        <a:lnSpc>
          <a:spcPct val="90000"/>
        </a:lnSpc>
        <a:spcBef>
          <a:spcPct val="0"/>
        </a:spcBef>
        <a:buNone/>
        <a:defRPr sz="3200" kern="1200">
          <a:solidFill>
            <a:schemeClr val="tx1"/>
          </a:solidFill>
          <a:latin typeface="+mj-lt"/>
          <a:ea typeface="Open Sans Light" panose="020B0306030504020204" pitchFamily="34" charset="0"/>
          <a:cs typeface="Open Sans Light" panose="020B0306030504020204" pitchFamily="34" charset="0"/>
        </a:defRPr>
      </a:lvl1pPr>
    </p:titleStyle>
    <p:bodyStyle>
      <a:lvl1pPr marL="228532" indent="-228532" algn="l" defTabSz="914130" rtl="0" eaLnBrk="1" latinLnBrk="0" hangingPunct="1">
        <a:lnSpc>
          <a:spcPct val="90000"/>
        </a:lnSpc>
        <a:spcBef>
          <a:spcPts val="952"/>
        </a:spcBef>
        <a:buClr>
          <a:schemeClr val="accent2"/>
        </a:buClr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Open Sans Light" panose="020B0306030504020204" pitchFamily="34" charset="0"/>
          <a:cs typeface="Open Sans Light" panose="020B0306030504020204" pitchFamily="34" charset="0"/>
        </a:defRPr>
      </a:lvl1pPr>
      <a:lvl2pPr marL="457056" indent="-228532" algn="l" defTabSz="914130" rtl="0" eaLnBrk="1" latinLnBrk="0" hangingPunct="1">
        <a:lnSpc>
          <a:spcPct val="90000"/>
        </a:lnSpc>
        <a:spcBef>
          <a:spcPts val="497"/>
        </a:spcBef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Open Sans Light" panose="020B0306030504020204" pitchFamily="34" charset="0"/>
          <a:cs typeface="Open Sans Light" panose="020B0306030504020204" pitchFamily="34" charset="0"/>
        </a:defRPr>
      </a:lvl2pPr>
      <a:lvl3pPr marL="685584" indent="-228532" algn="l" defTabSz="914130" rtl="0" eaLnBrk="1" latinLnBrk="0" hangingPunct="1">
        <a:lnSpc>
          <a:spcPct val="90000"/>
        </a:lnSpc>
        <a:spcBef>
          <a:spcPts val="497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Open Sans Light" panose="020B0306030504020204" pitchFamily="34" charset="0"/>
          <a:cs typeface="Open Sans Light" panose="020B0306030504020204" pitchFamily="34" charset="0"/>
        </a:defRPr>
      </a:lvl3pPr>
      <a:lvl4pPr marL="914112" indent="-228532" algn="l" defTabSz="914130" rtl="0" eaLnBrk="1" latinLnBrk="0" hangingPunct="1">
        <a:lnSpc>
          <a:spcPct val="90000"/>
        </a:lnSpc>
        <a:spcBef>
          <a:spcPts val="497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Open Sans Light" panose="020B0306030504020204" pitchFamily="34" charset="0"/>
          <a:cs typeface="Open Sans Light" panose="020B0306030504020204" pitchFamily="34" charset="0"/>
        </a:defRPr>
      </a:lvl4pPr>
      <a:lvl5pPr marL="1218816" indent="-228532" algn="l" defTabSz="914130" rtl="0" eaLnBrk="1" latinLnBrk="0" hangingPunct="1">
        <a:lnSpc>
          <a:spcPct val="90000"/>
        </a:lnSpc>
        <a:spcBef>
          <a:spcPts val="497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Open Sans Light" panose="020B0306030504020204" pitchFamily="34" charset="0"/>
          <a:cs typeface="Open Sans Light" panose="020B0306030504020204" pitchFamily="34" charset="0"/>
        </a:defRPr>
      </a:lvl5pPr>
      <a:lvl6pPr marL="1218816" indent="-228532" algn="l" defTabSz="914130" rtl="0" eaLnBrk="1" latinLnBrk="0" hangingPunct="1">
        <a:lnSpc>
          <a:spcPct val="90000"/>
        </a:lnSpc>
        <a:spcBef>
          <a:spcPts val="497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Open Sans Light" panose="020B0306030504020204" pitchFamily="34" charset="0"/>
          <a:cs typeface="Open Sans Light" panose="020B0306030504020204" pitchFamily="34" charset="0"/>
        </a:defRPr>
      </a:lvl6pPr>
      <a:lvl7pPr marL="1218816" indent="-228532" algn="l" defTabSz="914130" rtl="0" eaLnBrk="1" latinLnBrk="0" hangingPunct="1">
        <a:lnSpc>
          <a:spcPct val="90000"/>
        </a:lnSpc>
        <a:spcBef>
          <a:spcPts val="497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Open Sans Light" panose="020B0306030504020204" pitchFamily="34" charset="0"/>
          <a:cs typeface="Open Sans Light" panose="020B0306030504020204" pitchFamily="34" charset="0"/>
        </a:defRPr>
      </a:lvl7pPr>
      <a:lvl8pPr marL="1218816" indent="-228532" algn="l" defTabSz="914130" rtl="0" eaLnBrk="1" latinLnBrk="0" hangingPunct="1">
        <a:lnSpc>
          <a:spcPct val="90000"/>
        </a:lnSpc>
        <a:spcBef>
          <a:spcPts val="497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Open Sans Light" panose="020B0306030504020204" pitchFamily="34" charset="0"/>
          <a:cs typeface="Open Sans Light" panose="020B0306030504020204" pitchFamily="34" charset="0"/>
        </a:defRPr>
      </a:lvl8pPr>
      <a:lvl9pPr marL="1218816" indent="-228532" algn="l" defTabSz="914130" rtl="0" eaLnBrk="1" latinLnBrk="0" hangingPunct="1">
        <a:lnSpc>
          <a:spcPct val="90000"/>
        </a:lnSpc>
        <a:spcBef>
          <a:spcPts val="497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Open Sans Light" panose="020B0306030504020204" pitchFamily="34" charset="0"/>
          <a:cs typeface="Open Sans Light" panose="020B0306030504020204" pitchFamily="34" charset="0"/>
        </a:defRPr>
      </a:lvl9pPr>
    </p:bodyStyle>
    <p:otherStyle>
      <a:defPPr>
        <a:defRPr lang="en-US"/>
      </a:defPPr>
      <a:lvl1pPr marL="0" algn="l" defTabSz="91413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064" algn="l" defTabSz="91413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130" algn="l" defTabSz="91413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194" algn="l" defTabSz="91413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259" algn="l" defTabSz="91413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323" algn="l" defTabSz="91413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2389" algn="l" defTabSz="91413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199453" algn="l" defTabSz="91413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6518" algn="l" defTabSz="91413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888" userDrawn="1">
          <p15:clr>
            <a:srgbClr val="F26B43"/>
          </p15:clr>
        </p15:guide>
        <p15:guide id="2" pos="384" userDrawn="1">
          <p15:clr>
            <a:srgbClr val="F26B43"/>
          </p15:clr>
        </p15:guide>
        <p15:guide id="3" pos="7222" userDrawn="1">
          <p15:clr>
            <a:srgbClr val="F26B43"/>
          </p15:clr>
        </p15:guide>
        <p15:guide id="4" orient="horz" pos="1829" userDrawn="1">
          <p15:clr>
            <a:srgbClr val="F26B43"/>
          </p15:clr>
        </p15:guide>
        <p15:guide id="5" orient="horz" pos="1914" userDrawn="1">
          <p15:clr>
            <a:srgbClr val="F26B43"/>
          </p15:clr>
        </p15:guide>
        <p15:guide id="6" orient="horz" pos="4241" userDrawn="1">
          <p15:clr>
            <a:srgbClr val="F26B43"/>
          </p15:clr>
        </p15:guide>
        <p15:guide id="7" orient="horz" pos="400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17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2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4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9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5" Type="http://schemas.openxmlformats.org/officeDocument/2006/relationships/image" Target="../media/image11.png"/><Relationship Id="rId4" Type="http://schemas.openxmlformats.org/officeDocument/2006/relationships/hyperlink" Target="http://www.vandkvalitet-abc.teknologisk.dk/" TargetMode="Externa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5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12.pn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hyperlink" Target="mailto:katn@teknologisk.dk" TargetMode="External"/><Relationship Id="rId1" Type="http://schemas.openxmlformats.org/officeDocument/2006/relationships/slideLayout" Target="../slideLayouts/slideLayout15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5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5.xml"/><Relationship Id="rId4" Type="http://schemas.openxmlformats.org/officeDocument/2006/relationships/image" Target="../media/image5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5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131D79F-3104-45E2-B7D0-5F0139CB044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>
            <a:normAutofit/>
          </a:bodyPr>
          <a:lstStyle/>
          <a:p>
            <a:r>
              <a:rPr lang="da-DK" dirty="0"/>
              <a:t>Projektnetværk Vandkvalitet der </a:t>
            </a:r>
            <a:r>
              <a:rPr lang="da-DK"/>
              <a:t>BAT’er</a:t>
            </a:r>
            <a:endParaRPr lang="da-DK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F6CB498D-D5F2-4B0D-BFD5-AD51D25BC31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3603" y="3441263"/>
            <a:ext cx="9141619" cy="1655762"/>
          </a:xfrm>
        </p:spPr>
        <p:txBody>
          <a:bodyPr>
            <a:normAutofit fontScale="85000" lnSpcReduction="20000"/>
          </a:bodyPr>
          <a:lstStyle/>
          <a:p>
            <a:r>
              <a:rPr lang="da-DK" dirty="0"/>
              <a:t>Temadag: Regnvandshåndtering og samfundsøkonomisk værktøj ved </a:t>
            </a:r>
            <a:r>
              <a:rPr lang="da-DK" dirty="0" err="1"/>
              <a:t>Cost</a:t>
            </a:r>
            <a:r>
              <a:rPr lang="da-DK" dirty="0"/>
              <a:t> to </a:t>
            </a:r>
            <a:r>
              <a:rPr lang="da-DK" dirty="0" err="1"/>
              <a:t>Cost</a:t>
            </a:r>
            <a:r>
              <a:rPr lang="da-DK" dirty="0"/>
              <a:t> </a:t>
            </a:r>
            <a:r>
              <a:rPr lang="da-DK" dirty="0" err="1"/>
              <a:t>Climate</a:t>
            </a:r>
            <a:r>
              <a:rPr lang="da-DK" dirty="0"/>
              <a:t> Change (C2C)</a:t>
            </a:r>
          </a:p>
          <a:p>
            <a:r>
              <a:rPr lang="da-DK" dirty="0"/>
              <a:t>27. September 2021</a:t>
            </a:r>
          </a:p>
          <a:p>
            <a:endParaRPr lang="da-DK" dirty="0"/>
          </a:p>
          <a:p>
            <a:r>
              <a:rPr lang="da-DK" dirty="0"/>
              <a:t>Katrine Nielsen, Teknologisk Institu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D9E37CE-95FB-4E0A-B782-79B55E89AA3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0471" y="68578"/>
            <a:ext cx="1813011" cy="1032482"/>
          </a:xfrm>
        </p:spPr>
        <p:txBody>
          <a:bodyPr/>
          <a:lstStyle/>
          <a:p>
            <a:r>
              <a:rPr lang="da-DK" dirty="0"/>
              <a:t> </a:t>
            </a:r>
          </a:p>
        </p:txBody>
      </p:sp>
      <p:sp>
        <p:nvSpPr>
          <p:cNvPr id="2" name="AutoShape 2">
            <a:extLst>
              <a:ext uri="{FF2B5EF4-FFF2-40B4-BE49-F238E27FC236}">
                <a16:creationId xmlns:a16="http://schemas.microsoft.com/office/drawing/2014/main" id="{059C067A-4468-4031-9DC0-BFE644B0CA49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2013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sp>
        <p:nvSpPr>
          <p:cNvPr id="3" name="AutoShape 4">
            <a:extLst>
              <a:ext uri="{FF2B5EF4-FFF2-40B4-BE49-F238E27FC236}">
                <a16:creationId xmlns:a16="http://schemas.microsoft.com/office/drawing/2014/main" id="{BA9DA54B-7C8D-4B3A-9050-464EB309D281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6094413" y="34290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665850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4">
            <a:extLst>
              <a:ext uri="{FF2B5EF4-FFF2-40B4-BE49-F238E27FC236}">
                <a16:creationId xmlns:a16="http://schemas.microsoft.com/office/drawing/2014/main" id="{F8808BF9-D139-4D4F-9DAF-8DD9A6CCAAA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1998" y="1451295"/>
            <a:ext cx="6334086" cy="5159229"/>
          </a:xfrm>
        </p:spPr>
        <p:txBody>
          <a:bodyPr>
            <a:normAutofit fontScale="85000" lnSpcReduction="20000"/>
          </a:bodyPr>
          <a:lstStyle/>
          <a:p>
            <a:r>
              <a:rPr lang="da-DK" sz="3600" dirty="0"/>
              <a:t>Gået fra Notat til Vejledning </a:t>
            </a:r>
          </a:p>
          <a:p>
            <a:pPr marL="0" indent="0">
              <a:buNone/>
            </a:pPr>
            <a:r>
              <a:rPr lang="da-DK" sz="2100" dirty="0"/>
              <a:t>Denne vejledning er udarbejdet af ’Projektnetværket – </a:t>
            </a:r>
            <a:r>
              <a:rPr lang="da-DK" sz="2100" dirty="0" err="1"/>
              <a:t>Regnkvalitet</a:t>
            </a:r>
            <a:r>
              <a:rPr lang="da-DK" sz="2100" dirty="0"/>
              <a:t> der </a:t>
            </a:r>
            <a:r>
              <a:rPr lang="da-DK" sz="2100" dirty="0" err="1"/>
              <a:t>BAT’er</a:t>
            </a:r>
            <a:r>
              <a:rPr lang="da-DK" sz="2100" dirty="0"/>
              <a:t>’– ledet af Teknologisk Institut, og forankret under det Nationale Netværk for Klimatilpasning, DNNK. Projektnetværket har til formål at bidrage til løsning af flere problemstillinger inden for rensning af </a:t>
            </a:r>
            <a:r>
              <a:rPr lang="da-DK" sz="2100" dirty="0" err="1"/>
              <a:t>regnafstrømning</a:t>
            </a:r>
            <a:r>
              <a:rPr lang="da-DK" sz="2100" dirty="0"/>
              <a:t>. Herunder problemstillingen: </a:t>
            </a:r>
          </a:p>
          <a:p>
            <a:pPr marL="0" indent="0" algn="ctr">
              <a:buNone/>
            </a:pPr>
            <a:r>
              <a:rPr lang="da-DK" sz="2100" b="1" dirty="0"/>
              <a:t>Mangel på national procedure for test af renseløsninger til </a:t>
            </a:r>
            <a:r>
              <a:rPr lang="da-DK" sz="2100" b="1" dirty="0" err="1"/>
              <a:t>regnafstrømning</a:t>
            </a:r>
            <a:r>
              <a:rPr lang="da-DK" sz="2100" b="1" dirty="0"/>
              <a:t>.</a:t>
            </a:r>
          </a:p>
          <a:p>
            <a:pPr marL="0" indent="0">
              <a:buNone/>
            </a:pPr>
            <a:r>
              <a:rPr lang="da-DK" sz="2100" dirty="0"/>
              <a:t>Projektnetværket har haft deltagelse af 12 kommuner, 14 forsyninger, 4 producenter, 3 rådgivere og 3 </a:t>
            </a:r>
            <a:r>
              <a:rPr lang="da-DK" sz="2100" dirty="0" err="1"/>
              <a:t>vidensinstitutioner</a:t>
            </a:r>
            <a:r>
              <a:rPr lang="da-DK" sz="2100" dirty="0"/>
              <a:t> fra hele landet. Derudover har Miljøstyrelsen, Spildevandskomitéen og KL fulgt projektet og deltaget i workshops og møder.</a:t>
            </a:r>
          </a:p>
          <a:p>
            <a:pPr marL="0" indent="0">
              <a:buNone/>
            </a:pPr>
            <a:r>
              <a:rPr lang="da-DK" sz="2100" dirty="0"/>
              <a:t>En arbejdsgruppe bestående af repræsentanter fra kommuner, forsyninger, producenter og </a:t>
            </a:r>
            <a:r>
              <a:rPr lang="da-DK" sz="2100" dirty="0" err="1"/>
              <a:t>vidensinstitutioner</a:t>
            </a:r>
            <a:r>
              <a:rPr lang="da-DK" sz="2100" dirty="0"/>
              <a:t>, har arbejdet med udformning af denne vejledning indeholdende beskrivelse af test for renseløsninger til </a:t>
            </a:r>
            <a:r>
              <a:rPr lang="da-DK" sz="2100" dirty="0" err="1"/>
              <a:t>regnafstrømning</a:t>
            </a:r>
            <a:r>
              <a:rPr lang="da-DK" sz="2100" dirty="0"/>
              <a:t>. Arbejdet, udført af arbejdsgruppen, er undervejs blevet fremlagt til og evalueret af hele projektnetværket.</a:t>
            </a:r>
          </a:p>
          <a:p>
            <a:endParaRPr lang="da-DK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7B63DFD-2C22-4512-8E38-9BB24AE3EAC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2910" t="17777" r="82786" b="11775"/>
          <a:stretch/>
        </p:blipFill>
        <p:spPr>
          <a:xfrm rot="1458966">
            <a:off x="7821483" y="1100393"/>
            <a:ext cx="3361924" cy="4657211"/>
          </a:xfrm>
          <a:prstGeom prst="rect">
            <a:avLst/>
          </a:prstGeom>
          <a:ln>
            <a:solidFill>
              <a:schemeClr val="accent1"/>
            </a:solidFill>
          </a:ln>
        </p:spPr>
      </p:pic>
    </p:spTree>
    <p:extLst>
      <p:ext uri="{BB962C8B-B14F-4D97-AF65-F5344CB8AC3E}">
        <p14:creationId xmlns:p14="http://schemas.microsoft.com/office/powerpoint/2010/main" val="18586578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98A68E0-1E1F-4ADA-A933-F9B9080D8E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2478" y="2015460"/>
            <a:ext cx="10852150" cy="4212086"/>
          </a:xfrm>
        </p:spPr>
        <p:txBody>
          <a:bodyPr vert="horz" lIns="0" tIns="0" rIns="0" bIns="0" rtlCol="0" anchor="t">
            <a:normAutofit/>
          </a:bodyPr>
          <a:lstStyle/>
          <a:p>
            <a:pPr marL="456489" lvl="1" indent="-227965"/>
            <a:r>
              <a:rPr lang="da-DK" sz="2000" dirty="0"/>
              <a:t>De forskellige test er blevet præciseret</a:t>
            </a:r>
          </a:p>
          <a:p>
            <a:pPr marL="456489" lvl="1" indent="-227965"/>
            <a:endParaRPr lang="da-DK" sz="2000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8E91856-4BD1-44EE-96F7-A9A90FCEC625}"/>
              </a:ext>
            </a:extLst>
          </p:cNvPr>
          <p:cNvSpPr txBox="1">
            <a:spLocks/>
          </p:cNvSpPr>
          <p:nvPr/>
        </p:nvSpPr>
        <p:spPr>
          <a:xfrm>
            <a:off x="613224" y="1086841"/>
            <a:ext cx="10851404" cy="645641"/>
          </a:xfrm>
          <a:prstGeom prst="rect">
            <a:avLst/>
          </a:prstGeom>
        </p:spPr>
        <p:txBody>
          <a:bodyPr vert="horz" lIns="0" tIns="0" rIns="0" bIns="0" rtlCol="0" anchor="ctr">
            <a:normAutofit/>
          </a:bodyPr>
          <a:lstStyle>
            <a:lvl1pPr algn="l" defTabSz="91413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b="1" dirty="0"/>
              <a:t>Test niveauer</a:t>
            </a:r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0CCCED23-EAD8-4EE8-A48F-C8263AFE4AB2}"/>
              </a:ext>
            </a:extLst>
          </p:cNvPr>
          <p:cNvGraphicFramePr>
            <a:graphicFrameLocks noGrp="1"/>
          </p:cNvGraphicFramePr>
          <p:nvPr/>
        </p:nvGraphicFramePr>
        <p:xfrm>
          <a:off x="487432" y="2487733"/>
          <a:ext cx="11213959" cy="3903218"/>
        </p:xfrm>
        <a:graphic>
          <a:graphicData uri="http://schemas.openxmlformats.org/drawingml/2006/table">
            <a:tbl>
              <a:tblPr firstRow="1" firstCol="1" bandRow="1"/>
              <a:tblGrid>
                <a:gridCol w="1359346">
                  <a:extLst>
                    <a:ext uri="{9D8B030D-6E8A-4147-A177-3AD203B41FA5}">
                      <a16:colId xmlns:a16="http://schemas.microsoft.com/office/drawing/2014/main" val="4236565752"/>
                    </a:ext>
                  </a:extLst>
                </a:gridCol>
                <a:gridCol w="1008241">
                  <a:extLst>
                    <a:ext uri="{9D8B030D-6E8A-4147-A177-3AD203B41FA5}">
                      <a16:colId xmlns:a16="http://schemas.microsoft.com/office/drawing/2014/main" val="1970780893"/>
                    </a:ext>
                  </a:extLst>
                </a:gridCol>
                <a:gridCol w="1515970">
                  <a:extLst>
                    <a:ext uri="{9D8B030D-6E8A-4147-A177-3AD203B41FA5}">
                      <a16:colId xmlns:a16="http://schemas.microsoft.com/office/drawing/2014/main" val="939007549"/>
                    </a:ext>
                  </a:extLst>
                </a:gridCol>
                <a:gridCol w="7330402">
                  <a:extLst>
                    <a:ext uri="{9D8B030D-6E8A-4147-A177-3AD203B41FA5}">
                      <a16:colId xmlns:a16="http://schemas.microsoft.com/office/drawing/2014/main" val="546561935"/>
                    </a:ext>
                  </a:extLst>
                </a:gridCol>
              </a:tblGrid>
              <a:tr h="131410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ype af test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medie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ype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oreslået brugt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73155521"/>
                  </a:ext>
                </a:extLst>
              </a:tr>
              <a:tr h="633119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Laboratorietest 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solidFill>
                            <a:srgbClr val="FF0000"/>
                          </a:solidFill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vands-cocktail</a:t>
                      </a:r>
                      <a:endParaRPr lang="da-DK" sz="1600" b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Minimodel, pilotanlæg i laboratoriet (eller test af </a:t>
                      </a:r>
                      <a:r>
                        <a:rPr lang="da-DK" sz="1200" b="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sorbent</a:t>
                      </a: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)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der ikke findes eller der er utilstrækkelig/sparsom information om renseløsningens renseevne, startes der op med laboratorietest. Følges op med test i felten.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rugen af laboratorietest giver en god forståelse for renseevnen og man har bedre kontrol over processerne og prøvetagningen er derved behæftet med færre usikkerheder end i felten.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95647719"/>
                  </a:ext>
                </a:extLst>
              </a:tr>
              <a:tr h="1228902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test</a:t>
                      </a: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– 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anlæg eller fuldskalaanlæg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vands-cocktail og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-hændelser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 af pilotanlæg ved anvendelse af regnvandscocktail samt målinger på suspenderet stof ved rigtige </a:t>
                      </a:r>
                      <a:r>
                        <a:rPr lang="da-DK" sz="120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. 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der forefindes tilstrækkelig viden fra tidligere undersøgelser enten modeller, laboratorietest eller andet steds fra.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Udover den foreslåede cocktail kan særlige interessante stoffer også undersøges.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rugen af regnvandscocktail frem for brugen af </a:t>
                      </a:r>
                      <a:r>
                        <a:rPr lang="da-DK" sz="120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, giver mulighed for at teste på forudbestemte koncentrationer, samt man ikke er afhængig af vind og vejr. Desuden kan man tilsætte stoffer i koncentrationer som man er sikker på, er over detektionsgrænsen, og dermed teste anlægget i et ’</a:t>
                      </a:r>
                      <a:r>
                        <a:rPr lang="da-DK" sz="120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worst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case scenario’.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 på suspenderet stof foretages på </a:t>
                      </a:r>
                      <a:r>
                        <a:rPr lang="da-DK" sz="120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og frarådes foretaget sammen med regnvandscocktailen, da stofferne vil sorber til partiklerne og derved give et forkert resultat.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85263661"/>
                  </a:ext>
                </a:extLst>
              </a:tr>
              <a:tr h="497241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eltmålinger</a:t>
                      </a: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–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anlæg eller fuldskalaanlæg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-hændelser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Målinger på regnhændelser i pilot- eller fuldskalaanlæg i felten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renseløsningen har været igennem laboratorietest og evt. pilottest.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eltmålingerne skal bruges til at vise renseløsningens renseeffekt i hverdagssituationer. I feltmålinger, skal der som minimum måles på de samme parametre som i laboratorietest og pilottest.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39168558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7473443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98A68E0-1E1F-4ADA-A933-F9B9080D8E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2478" y="2015460"/>
            <a:ext cx="10852150" cy="4212086"/>
          </a:xfrm>
        </p:spPr>
        <p:txBody>
          <a:bodyPr vert="horz" lIns="0" tIns="0" rIns="0" bIns="0" rtlCol="0" anchor="t">
            <a:normAutofit/>
          </a:bodyPr>
          <a:lstStyle/>
          <a:p>
            <a:pPr marL="456489" lvl="1" indent="-227965"/>
            <a:r>
              <a:rPr lang="da-DK" sz="2000" dirty="0"/>
              <a:t>De forskellige test er blevet præciseret</a:t>
            </a:r>
          </a:p>
          <a:p>
            <a:pPr marL="456489" lvl="1" indent="-227965"/>
            <a:endParaRPr lang="da-DK" sz="2000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8E91856-4BD1-44EE-96F7-A9A90FCEC625}"/>
              </a:ext>
            </a:extLst>
          </p:cNvPr>
          <p:cNvSpPr txBox="1">
            <a:spLocks/>
          </p:cNvSpPr>
          <p:nvPr/>
        </p:nvSpPr>
        <p:spPr>
          <a:xfrm>
            <a:off x="613224" y="1086841"/>
            <a:ext cx="10851404" cy="645641"/>
          </a:xfrm>
          <a:prstGeom prst="rect">
            <a:avLst/>
          </a:prstGeom>
        </p:spPr>
        <p:txBody>
          <a:bodyPr vert="horz" lIns="0" tIns="0" rIns="0" bIns="0" rtlCol="0" anchor="ctr">
            <a:normAutofit/>
          </a:bodyPr>
          <a:lstStyle>
            <a:lvl1pPr algn="l" defTabSz="91413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b="1" dirty="0"/>
              <a:t>Test niveauer</a:t>
            </a:r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0CCCED23-EAD8-4EE8-A48F-C8263AFE4AB2}"/>
              </a:ext>
            </a:extLst>
          </p:cNvPr>
          <p:cNvGraphicFramePr>
            <a:graphicFrameLocks noGrp="1"/>
          </p:cNvGraphicFramePr>
          <p:nvPr/>
        </p:nvGraphicFramePr>
        <p:xfrm>
          <a:off x="487432" y="2487733"/>
          <a:ext cx="11213959" cy="3903218"/>
        </p:xfrm>
        <a:graphic>
          <a:graphicData uri="http://schemas.openxmlformats.org/drawingml/2006/table">
            <a:tbl>
              <a:tblPr firstRow="1" firstCol="1" bandRow="1"/>
              <a:tblGrid>
                <a:gridCol w="1359346">
                  <a:extLst>
                    <a:ext uri="{9D8B030D-6E8A-4147-A177-3AD203B41FA5}">
                      <a16:colId xmlns:a16="http://schemas.microsoft.com/office/drawing/2014/main" val="4236565752"/>
                    </a:ext>
                  </a:extLst>
                </a:gridCol>
                <a:gridCol w="1008241">
                  <a:extLst>
                    <a:ext uri="{9D8B030D-6E8A-4147-A177-3AD203B41FA5}">
                      <a16:colId xmlns:a16="http://schemas.microsoft.com/office/drawing/2014/main" val="1970780893"/>
                    </a:ext>
                  </a:extLst>
                </a:gridCol>
                <a:gridCol w="1515970">
                  <a:extLst>
                    <a:ext uri="{9D8B030D-6E8A-4147-A177-3AD203B41FA5}">
                      <a16:colId xmlns:a16="http://schemas.microsoft.com/office/drawing/2014/main" val="939007549"/>
                    </a:ext>
                  </a:extLst>
                </a:gridCol>
                <a:gridCol w="7330402">
                  <a:extLst>
                    <a:ext uri="{9D8B030D-6E8A-4147-A177-3AD203B41FA5}">
                      <a16:colId xmlns:a16="http://schemas.microsoft.com/office/drawing/2014/main" val="546561935"/>
                    </a:ext>
                  </a:extLst>
                </a:gridCol>
              </a:tblGrid>
              <a:tr h="131410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ype af test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medie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ype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oreslået brugt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73155521"/>
                  </a:ext>
                </a:extLst>
              </a:tr>
              <a:tr h="633119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Laboratorietest 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solidFill>
                            <a:srgbClr val="FF0000"/>
                          </a:solidFill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vands-cocktail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Minimodel, pilotanlæg i laboratoriet (eller test af </a:t>
                      </a:r>
                      <a:r>
                        <a:rPr lang="da-DK" sz="1200" b="1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sorbent</a:t>
                      </a: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)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der ikke findes eller der er utilstrækkelig/sparsom information om renseløsningens renseevne, startes der op med laboratorietest. Følges op med test i felten.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rugen af laboratorietest giver en god forståelse for renseevnen og man har bedre kontrol over processerne og prøvetagningen er derved behæftet med færre usikkerheder end i felten.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95647719"/>
                  </a:ext>
                </a:extLst>
              </a:tr>
              <a:tr h="1228902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test</a:t>
                      </a: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– 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anlæg eller fuldskalaanlæg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vands-cocktail og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-hændelser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 af pilotanlæg ved anvendelse af regnvandscocktail samt målinger på suspenderet stof ved rigtige </a:t>
                      </a:r>
                      <a:r>
                        <a:rPr lang="da-DK" sz="120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. 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der forefindes tilstrækkelig viden fra tidligere undersøgelser enten modeller, laboratorietest eller andet steds fra.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Udover den foreslåede cocktail kan særlige interessante stoffer også undersøges.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rugen af regnvandscocktail frem for brugen af </a:t>
                      </a:r>
                      <a:r>
                        <a:rPr lang="da-DK" sz="120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, giver mulighed for at teste på forudbestemte koncentrationer, samt man ikke er afhængig af vind og vejr. Desuden kan man tilsætte stoffer i koncentrationer som man er sikker på, er over detektionsgrænsen, og dermed teste anlægget i et ’</a:t>
                      </a:r>
                      <a:r>
                        <a:rPr lang="da-DK" sz="120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worst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case scenario’.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 på suspenderet stof foretages på </a:t>
                      </a:r>
                      <a:r>
                        <a:rPr lang="da-DK" sz="120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og frarådes foretaget sammen med regnvandscocktailen, da stofferne vil sorber til partiklerne og derved give et forkert resultat.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85263661"/>
                  </a:ext>
                </a:extLst>
              </a:tr>
              <a:tr h="497241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eltmålinger</a:t>
                      </a: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–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anlæg eller fuldskalaanlæg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-hændelser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Målinger på </a:t>
                      </a:r>
                      <a:r>
                        <a:rPr lang="da-DK" sz="120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i pilot- eller fuldskalaanlæg i felten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renseløsningen har været igennem laboratorietest og evt. pilottest.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eltmålingerne skal bruges til at vise renseløsningens renseeffekt i hverdagssituationer. I feltmålinger, skal der som minimum måles på de samme parametre som i laboratorietest og pilottest.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39168558"/>
                  </a:ext>
                </a:extLst>
              </a:tr>
            </a:tbl>
          </a:graphicData>
        </a:graphic>
      </p:graphicFrame>
      <p:sp>
        <p:nvSpPr>
          <p:cNvPr id="8" name="Rectangle 7">
            <a:extLst>
              <a:ext uri="{FF2B5EF4-FFF2-40B4-BE49-F238E27FC236}">
                <a16:creationId xmlns:a16="http://schemas.microsoft.com/office/drawing/2014/main" id="{0004CDE0-F2B5-492A-B76F-9028468617D8}"/>
              </a:ext>
            </a:extLst>
          </p:cNvPr>
          <p:cNvSpPr/>
          <p:nvPr/>
        </p:nvSpPr>
        <p:spPr>
          <a:xfrm>
            <a:off x="487432" y="2682910"/>
            <a:ext cx="11213959" cy="864158"/>
          </a:xfrm>
          <a:prstGeom prst="rect">
            <a:avLst/>
          </a:prstGeom>
          <a:solidFill>
            <a:schemeClr val="accent1">
              <a:alpha val="44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0280512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98A68E0-1E1F-4ADA-A933-F9B9080D8E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2478" y="2015460"/>
            <a:ext cx="10852150" cy="4212086"/>
          </a:xfrm>
        </p:spPr>
        <p:txBody>
          <a:bodyPr vert="horz" lIns="0" tIns="0" rIns="0" bIns="0" rtlCol="0" anchor="t">
            <a:normAutofit/>
          </a:bodyPr>
          <a:lstStyle/>
          <a:p>
            <a:pPr marL="456489" lvl="1" indent="-227965"/>
            <a:r>
              <a:rPr lang="da-DK" sz="2000" dirty="0"/>
              <a:t>De forskellige test er blevet præciseret</a:t>
            </a:r>
          </a:p>
          <a:p>
            <a:pPr marL="456489" lvl="1" indent="-227965"/>
            <a:endParaRPr lang="da-DK" sz="2000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8E91856-4BD1-44EE-96F7-A9A90FCEC625}"/>
              </a:ext>
            </a:extLst>
          </p:cNvPr>
          <p:cNvSpPr txBox="1">
            <a:spLocks/>
          </p:cNvSpPr>
          <p:nvPr/>
        </p:nvSpPr>
        <p:spPr>
          <a:xfrm>
            <a:off x="613224" y="1086841"/>
            <a:ext cx="10851404" cy="645641"/>
          </a:xfrm>
          <a:prstGeom prst="rect">
            <a:avLst/>
          </a:prstGeom>
        </p:spPr>
        <p:txBody>
          <a:bodyPr vert="horz" lIns="0" tIns="0" rIns="0" bIns="0" rtlCol="0" anchor="ctr">
            <a:normAutofit/>
          </a:bodyPr>
          <a:lstStyle>
            <a:lvl1pPr algn="l" defTabSz="91413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b="1" dirty="0"/>
              <a:t>Test niveauer</a:t>
            </a:r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0CCCED23-EAD8-4EE8-A48F-C8263AFE4AB2}"/>
              </a:ext>
            </a:extLst>
          </p:cNvPr>
          <p:cNvGraphicFramePr>
            <a:graphicFrameLocks noGrp="1"/>
          </p:cNvGraphicFramePr>
          <p:nvPr/>
        </p:nvGraphicFramePr>
        <p:xfrm>
          <a:off x="487432" y="2487733"/>
          <a:ext cx="11213959" cy="3903218"/>
        </p:xfrm>
        <a:graphic>
          <a:graphicData uri="http://schemas.openxmlformats.org/drawingml/2006/table">
            <a:tbl>
              <a:tblPr firstRow="1" firstCol="1" bandRow="1"/>
              <a:tblGrid>
                <a:gridCol w="1359346">
                  <a:extLst>
                    <a:ext uri="{9D8B030D-6E8A-4147-A177-3AD203B41FA5}">
                      <a16:colId xmlns:a16="http://schemas.microsoft.com/office/drawing/2014/main" val="4236565752"/>
                    </a:ext>
                  </a:extLst>
                </a:gridCol>
                <a:gridCol w="1008241">
                  <a:extLst>
                    <a:ext uri="{9D8B030D-6E8A-4147-A177-3AD203B41FA5}">
                      <a16:colId xmlns:a16="http://schemas.microsoft.com/office/drawing/2014/main" val="1970780893"/>
                    </a:ext>
                  </a:extLst>
                </a:gridCol>
                <a:gridCol w="1515970">
                  <a:extLst>
                    <a:ext uri="{9D8B030D-6E8A-4147-A177-3AD203B41FA5}">
                      <a16:colId xmlns:a16="http://schemas.microsoft.com/office/drawing/2014/main" val="939007549"/>
                    </a:ext>
                  </a:extLst>
                </a:gridCol>
                <a:gridCol w="7330402">
                  <a:extLst>
                    <a:ext uri="{9D8B030D-6E8A-4147-A177-3AD203B41FA5}">
                      <a16:colId xmlns:a16="http://schemas.microsoft.com/office/drawing/2014/main" val="546561935"/>
                    </a:ext>
                  </a:extLst>
                </a:gridCol>
              </a:tblGrid>
              <a:tr h="131410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ype af test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medie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ype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oreslået brugt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73155521"/>
                  </a:ext>
                </a:extLst>
              </a:tr>
              <a:tr h="633119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Laboratorietest 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solidFill>
                            <a:srgbClr val="FF0000"/>
                          </a:solidFill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vands-cocktail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Minimodel, pilotanlæg i laboratoriet (eller test af </a:t>
                      </a:r>
                      <a:r>
                        <a:rPr lang="da-DK" sz="1200" b="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sorbent</a:t>
                      </a: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)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der ikke findes eller der er utilstrækkelig/sparsom information om renseløsningens renseevne, startes der op med laboratorietest. Følges op med test i felten.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rugen af laboratorietest giver en god forståelse for renseevnen og man har bedre kontrol over processerne og prøvetagningen er derved behæftet med færre usikkerheder end i felten.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95647719"/>
                  </a:ext>
                </a:extLst>
              </a:tr>
              <a:tr h="1228902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test – 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anlæg eller fuldskalaanlæg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vands-cocktail og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-hændelser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 af pilotanlæg ved anvendelse af regnvandscocktail samt målinger på suspenderet stof ved rigtige </a:t>
                      </a:r>
                      <a:r>
                        <a:rPr lang="da-DK" sz="1200" b="1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.  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der forefindes tilstrækkelig viden fra tidligere undersøgelser enten modeller, laboratorietest eller andet steds fra. 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Udover den foreslåede cocktail kan særlige interessante stoffer også undersøges.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rugen af regnvandscocktail frem for brugen af </a:t>
                      </a:r>
                      <a:r>
                        <a:rPr lang="da-DK" sz="1200" b="1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, giver mulighed for at teste på forudbestemte koncentrationer, samt man ikke er afhængig af vind og vejr. Desuden kan man tilsætte stoffer i koncentrationer som man er sikker på, er over detektionsgrænsen, og dermed teste anlægget i et ’</a:t>
                      </a:r>
                      <a:r>
                        <a:rPr lang="da-DK" sz="1200" b="1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worst</a:t>
                      </a: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case scenario’.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 på suspenderet stof foretages på </a:t>
                      </a:r>
                      <a:r>
                        <a:rPr lang="da-DK" sz="1200" b="1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og frarådes foretaget sammen med regnvandscocktailen, da stofferne vil sorber til partiklerne og derved give et forkert resultat. 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85263661"/>
                  </a:ext>
                </a:extLst>
              </a:tr>
              <a:tr h="497241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eltmålinger</a:t>
                      </a: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–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anlæg eller fuldskalaanlæg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-hændelser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Målinger på regnhændelser i pilot- eller fuldskalaanlæg i felten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renseløsningen har været igennem laboratorietest og evt. pilottest.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eltmålingerne skal bruges til at vise renseløsningens renseeffekt i hverdagssituationer. I feltmålinger, skal der som minimum måles på de samme parametre som i laboratorietest og pilottest.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39168558"/>
                  </a:ext>
                </a:extLst>
              </a:tr>
            </a:tbl>
          </a:graphicData>
        </a:graphic>
      </p:graphicFrame>
      <p:sp>
        <p:nvSpPr>
          <p:cNvPr id="8" name="Rectangle 7">
            <a:extLst>
              <a:ext uri="{FF2B5EF4-FFF2-40B4-BE49-F238E27FC236}">
                <a16:creationId xmlns:a16="http://schemas.microsoft.com/office/drawing/2014/main" id="{0004CDE0-F2B5-492A-B76F-9028468617D8}"/>
              </a:ext>
            </a:extLst>
          </p:cNvPr>
          <p:cNvSpPr/>
          <p:nvPr/>
        </p:nvSpPr>
        <p:spPr>
          <a:xfrm>
            <a:off x="487432" y="3537020"/>
            <a:ext cx="11213959" cy="1889090"/>
          </a:xfrm>
          <a:prstGeom prst="rect">
            <a:avLst/>
          </a:prstGeom>
          <a:solidFill>
            <a:schemeClr val="accent1">
              <a:alpha val="44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824826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98A68E0-1E1F-4ADA-A933-F9B9080D8E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2478" y="2015460"/>
            <a:ext cx="10852150" cy="4212086"/>
          </a:xfrm>
        </p:spPr>
        <p:txBody>
          <a:bodyPr vert="horz" lIns="0" tIns="0" rIns="0" bIns="0" rtlCol="0" anchor="t">
            <a:normAutofit/>
          </a:bodyPr>
          <a:lstStyle/>
          <a:p>
            <a:pPr marL="456489" lvl="1" indent="-227965"/>
            <a:r>
              <a:rPr lang="da-DK" sz="2000" dirty="0"/>
              <a:t>De forskellige test er blevet præciseret</a:t>
            </a:r>
          </a:p>
          <a:p>
            <a:pPr marL="456489" lvl="1" indent="-227965"/>
            <a:endParaRPr lang="da-DK" sz="2000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8E91856-4BD1-44EE-96F7-A9A90FCEC625}"/>
              </a:ext>
            </a:extLst>
          </p:cNvPr>
          <p:cNvSpPr txBox="1">
            <a:spLocks/>
          </p:cNvSpPr>
          <p:nvPr/>
        </p:nvSpPr>
        <p:spPr>
          <a:xfrm>
            <a:off x="613224" y="1086841"/>
            <a:ext cx="10851404" cy="645641"/>
          </a:xfrm>
          <a:prstGeom prst="rect">
            <a:avLst/>
          </a:prstGeom>
        </p:spPr>
        <p:txBody>
          <a:bodyPr vert="horz" lIns="0" tIns="0" rIns="0" bIns="0" rtlCol="0" anchor="ctr">
            <a:normAutofit/>
          </a:bodyPr>
          <a:lstStyle>
            <a:lvl1pPr algn="l" defTabSz="91413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b="1" dirty="0"/>
              <a:t>Test niveauer</a:t>
            </a:r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0CCCED23-EAD8-4EE8-A48F-C8263AFE4AB2}"/>
              </a:ext>
            </a:extLst>
          </p:cNvPr>
          <p:cNvGraphicFramePr>
            <a:graphicFrameLocks noGrp="1"/>
          </p:cNvGraphicFramePr>
          <p:nvPr/>
        </p:nvGraphicFramePr>
        <p:xfrm>
          <a:off x="487432" y="2487733"/>
          <a:ext cx="11213959" cy="3707511"/>
        </p:xfrm>
        <a:graphic>
          <a:graphicData uri="http://schemas.openxmlformats.org/drawingml/2006/table">
            <a:tbl>
              <a:tblPr firstRow="1" firstCol="1" bandRow="1"/>
              <a:tblGrid>
                <a:gridCol w="1359346">
                  <a:extLst>
                    <a:ext uri="{9D8B030D-6E8A-4147-A177-3AD203B41FA5}">
                      <a16:colId xmlns:a16="http://schemas.microsoft.com/office/drawing/2014/main" val="4236565752"/>
                    </a:ext>
                  </a:extLst>
                </a:gridCol>
                <a:gridCol w="1008241">
                  <a:extLst>
                    <a:ext uri="{9D8B030D-6E8A-4147-A177-3AD203B41FA5}">
                      <a16:colId xmlns:a16="http://schemas.microsoft.com/office/drawing/2014/main" val="1970780893"/>
                    </a:ext>
                  </a:extLst>
                </a:gridCol>
                <a:gridCol w="1515970">
                  <a:extLst>
                    <a:ext uri="{9D8B030D-6E8A-4147-A177-3AD203B41FA5}">
                      <a16:colId xmlns:a16="http://schemas.microsoft.com/office/drawing/2014/main" val="939007549"/>
                    </a:ext>
                  </a:extLst>
                </a:gridCol>
                <a:gridCol w="7330402">
                  <a:extLst>
                    <a:ext uri="{9D8B030D-6E8A-4147-A177-3AD203B41FA5}">
                      <a16:colId xmlns:a16="http://schemas.microsoft.com/office/drawing/2014/main" val="546561935"/>
                    </a:ext>
                  </a:extLst>
                </a:gridCol>
              </a:tblGrid>
              <a:tr h="131410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ype af test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medie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ype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oreslået brugt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73155521"/>
                  </a:ext>
                </a:extLst>
              </a:tr>
              <a:tr h="633119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Laboratorietest 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solidFill>
                            <a:srgbClr val="FF0000"/>
                          </a:solidFill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vands-cocktail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Minimodel, pilotanlæg i laboratoriet (eller test af </a:t>
                      </a:r>
                      <a:r>
                        <a:rPr lang="da-DK" sz="1200" b="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sorbent</a:t>
                      </a: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)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der ikke findes eller der er utilstrækkelig/sparsom information om renseløsningens renseevne, startes der op med laboratorietest. Følges op med test i felten.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rugen af laboratorietest giver en god forståelse for renseevnen og man har bedre kontrol over processerne og prøvetagningen er derved behæftet med færre usikkerheder end i felten.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95647719"/>
                  </a:ext>
                </a:extLst>
              </a:tr>
              <a:tr h="1228902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test – 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anlæg eller fuldskalaanlæg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vands-cocktail og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-hændelser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 af pilotanlæg ved anvendelse af regnvandscocktail samt målinger på suspenderet stof ved rigtige </a:t>
                      </a:r>
                      <a:r>
                        <a:rPr lang="da-DK" sz="1200" b="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.  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der forefindes tilstrækkelig viden fra tidligere undersøgelser enten modeller, laboratorietest eller andet steds fra. 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Udover den foreslåede cocktail kan særlige interessante stoffer også undersøges.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rugen af regnvandscocktail frem for brugen af </a:t>
                      </a:r>
                      <a:r>
                        <a:rPr lang="da-DK" sz="1200" b="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, giver mulighed for at teste på forudbestemte koncentrationer, samt man ikke er afhængig af vind og vejr. Desuden kan man tilsætte stoffer i koncentrationer som man er sikker på, er over detektionsgrænsen, og dermed teste anlægget i et ’</a:t>
                      </a:r>
                      <a:r>
                        <a:rPr lang="da-DK" sz="1200" b="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worst</a:t>
                      </a: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case scenario’.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Test på suspenderet stof foretages på </a:t>
                      </a:r>
                      <a:r>
                        <a:rPr lang="da-DK" sz="1200" b="0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hændelser</a:t>
                      </a:r>
                      <a:r>
                        <a:rPr lang="da-DK" sz="1200" b="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 og frarådes foretaget sammen med regnvandscocktailen, da stofferne vil sorber til partiklerne og derved give et forkert resultat. </a:t>
                      </a:r>
                      <a:endParaRPr lang="da-DK" sz="1600" b="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85263661"/>
                  </a:ext>
                </a:extLst>
              </a:tr>
              <a:tr h="497241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eltmålinger –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ilotanlæg eller fuldskalaanlæg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Regn-hændelser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Målinger på regnhændelser i pilot- eller fuldskalaanlæg i felten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år renseløsningen har været igennem laboratorietest og evt. pilottest.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eltmålingerne skal bruges til at vise renseløsningens renseeffekt i hverdagssituationer. I feltmålinger, skal der som minimum måles på de samme parametre som i laboratorietest og pilottest. 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3500" marR="6350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39168558"/>
                  </a:ext>
                </a:extLst>
              </a:tr>
            </a:tbl>
          </a:graphicData>
        </a:graphic>
      </p:graphicFrame>
      <p:sp>
        <p:nvSpPr>
          <p:cNvPr id="8" name="Rectangle 7">
            <a:extLst>
              <a:ext uri="{FF2B5EF4-FFF2-40B4-BE49-F238E27FC236}">
                <a16:creationId xmlns:a16="http://schemas.microsoft.com/office/drawing/2014/main" id="{0004CDE0-F2B5-492A-B76F-9028468617D8}"/>
              </a:ext>
            </a:extLst>
          </p:cNvPr>
          <p:cNvSpPr/>
          <p:nvPr/>
        </p:nvSpPr>
        <p:spPr>
          <a:xfrm>
            <a:off x="487431" y="5416062"/>
            <a:ext cx="11213959" cy="779182"/>
          </a:xfrm>
          <a:prstGeom prst="rect">
            <a:avLst/>
          </a:prstGeom>
          <a:solidFill>
            <a:schemeClr val="accent1">
              <a:alpha val="44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38332543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98A68E0-1E1F-4ADA-A933-F9B9080D8E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2478" y="2015460"/>
            <a:ext cx="10852150" cy="4212086"/>
          </a:xfrm>
        </p:spPr>
        <p:txBody>
          <a:bodyPr vert="horz" lIns="0" tIns="0" rIns="0" bIns="0" rtlCol="0" anchor="t">
            <a:normAutofit/>
          </a:bodyPr>
          <a:lstStyle/>
          <a:p>
            <a:pPr marL="456489" lvl="1" indent="-227965"/>
            <a:r>
              <a:rPr lang="da-DK" sz="2000" dirty="0"/>
              <a:t>Den minimale analysepakke er blevet diskuteret frem og tilbage</a:t>
            </a:r>
          </a:p>
          <a:p>
            <a:pPr marL="456489" lvl="1" indent="-227965"/>
            <a:endParaRPr lang="da-DK" sz="2000" dirty="0"/>
          </a:p>
          <a:p>
            <a:pPr marL="456489" lvl="1" indent="-227965"/>
            <a:r>
              <a:rPr lang="da-DK" sz="2000" dirty="0"/>
              <a:t>Indeholder de parametre, der som minimum forventes at blive analyseret på</a:t>
            </a:r>
          </a:p>
          <a:p>
            <a:pPr marL="685017" lvl="2" indent="-227965"/>
            <a:r>
              <a:rPr lang="da-DK" sz="1800" dirty="0"/>
              <a:t>Bakterier er tilføjet for brugen af </a:t>
            </a:r>
          </a:p>
          <a:p>
            <a:pPr marL="457052" lvl="2" indent="0">
              <a:buNone/>
            </a:pPr>
            <a:r>
              <a:rPr lang="da-DK" sz="1800" dirty="0"/>
              <a:t>    vandet til rekreative formål</a:t>
            </a:r>
          </a:p>
          <a:p>
            <a:pPr lvl="1"/>
            <a:endParaRPr lang="da-DK" sz="2000" dirty="0"/>
          </a:p>
          <a:p>
            <a:pPr lvl="1"/>
            <a:r>
              <a:rPr lang="da-DK" sz="2000" dirty="0"/>
              <a:t>Brug af sensorer for </a:t>
            </a:r>
            <a:r>
              <a:rPr lang="da-DK" sz="2000" dirty="0" err="1"/>
              <a:t>turbiditet</a:t>
            </a:r>
            <a:r>
              <a:rPr lang="da-DK" sz="2000" dirty="0"/>
              <a:t> ved:</a:t>
            </a:r>
          </a:p>
          <a:p>
            <a:pPr lvl="2"/>
            <a:r>
              <a:rPr lang="da-DK" sz="1800" dirty="0"/>
              <a:t>Pilottest</a:t>
            </a:r>
          </a:p>
          <a:p>
            <a:pPr lvl="2"/>
            <a:r>
              <a:rPr lang="da-DK" sz="1800" dirty="0"/>
              <a:t>Feltmålinger</a:t>
            </a:r>
          </a:p>
          <a:p>
            <a:pPr marL="456489" lvl="1" indent="-227965"/>
            <a:endParaRPr lang="da-DK" sz="2000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8E91856-4BD1-44EE-96F7-A9A90FCEC625}"/>
              </a:ext>
            </a:extLst>
          </p:cNvPr>
          <p:cNvSpPr txBox="1">
            <a:spLocks/>
          </p:cNvSpPr>
          <p:nvPr/>
        </p:nvSpPr>
        <p:spPr>
          <a:xfrm>
            <a:off x="613224" y="1086841"/>
            <a:ext cx="10851404" cy="645641"/>
          </a:xfrm>
          <a:prstGeom prst="rect">
            <a:avLst/>
          </a:prstGeom>
        </p:spPr>
        <p:txBody>
          <a:bodyPr vert="horz" lIns="0" tIns="0" rIns="0" bIns="0" rtlCol="0" anchor="ctr">
            <a:normAutofit/>
          </a:bodyPr>
          <a:lstStyle>
            <a:lvl1pPr algn="l" defTabSz="91413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b="1" dirty="0"/>
              <a:t>Måleparametre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64A7DD83-D2B9-4EE4-B52D-F868F94D851B}"/>
              </a:ext>
            </a:extLst>
          </p:cNvPr>
          <p:cNvGraphicFramePr>
            <a:graphicFrameLocks noGrp="1"/>
          </p:cNvGraphicFramePr>
          <p:nvPr/>
        </p:nvGraphicFramePr>
        <p:xfrm>
          <a:off x="5185088" y="3139951"/>
          <a:ext cx="6279540" cy="3394647"/>
        </p:xfrm>
        <a:graphic>
          <a:graphicData uri="http://schemas.openxmlformats.org/drawingml/2006/table">
            <a:tbl>
              <a:tblPr firstRow="1" firstCol="1" bandRow="1"/>
              <a:tblGrid>
                <a:gridCol w="1727637">
                  <a:extLst>
                    <a:ext uri="{9D8B030D-6E8A-4147-A177-3AD203B41FA5}">
                      <a16:colId xmlns:a16="http://schemas.microsoft.com/office/drawing/2014/main" val="1691841010"/>
                    </a:ext>
                  </a:extLst>
                </a:gridCol>
                <a:gridCol w="2045869">
                  <a:extLst>
                    <a:ext uri="{9D8B030D-6E8A-4147-A177-3AD203B41FA5}">
                      <a16:colId xmlns:a16="http://schemas.microsoft.com/office/drawing/2014/main" val="3477346306"/>
                    </a:ext>
                  </a:extLst>
                </a:gridCol>
                <a:gridCol w="1253017">
                  <a:extLst>
                    <a:ext uri="{9D8B030D-6E8A-4147-A177-3AD203B41FA5}">
                      <a16:colId xmlns:a16="http://schemas.microsoft.com/office/drawing/2014/main" val="969672088"/>
                    </a:ext>
                  </a:extLst>
                </a:gridCol>
                <a:gridCol w="1253017">
                  <a:extLst>
                    <a:ext uri="{9D8B030D-6E8A-4147-A177-3AD203B41FA5}">
                      <a16:colId xmlns:a16="http://schemas.microsoft.com/office/drawing/2014/main" val="2567321349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Kemiske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artikler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ysiske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800" b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akterier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2901235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Metaller (opløst og total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342900" lvl="0" indent="-342900">
                        <a:lnSpc>
                          <a:spcPct val="107000"/>
                        </a:lnSpc>
                        <a:buFont typeface="Sylfaen" panose="010A0502050306030303" pitchFamily="18" charset="0"/>
                        <a:buChar char="-"/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Kobber (Cu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342900" lvl="0" indent="-342900">
                        <a:lnSpc>
                          <a:spcPct val="107000"/>
                        </a:lnSpc>
                        <a:buFont typeface="Sylfaen" panose="010A0502050306030303" pitchFamily="18" charset="0"/>
                        <a:buChar char="-"/>
                      </a:pPr>
                      <a:r>
                        <a:rPr lang="en-US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Zink (Zn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342900" lvl="0" indent="-342900">
                        <a:lnSpc>
                          <a:spcPct val="107000"/>
                        </a:lnSpc>
                        <a:buFont typeface="Sylfaen" panose="010A0502050306030303" pitchFamily="18" charset="0"/>
                        <a:buChar char="-"/>
                      </a:pPr>
                      <a:r>
                        <a:rPr lang="en-US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Bly (Pb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457200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 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AH-forbindelser* (total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342900" lvl="0" indent="-342900">
                        <a:lnSpc>
                          <a:spcPct val="107000"/>
                        </a:lnSpc>
                        <a:buFont typeface="Sylfaen" panose="010A0502050306030303" pitchFamily="18" charset="0"/>
                        <a:buChar char="-"/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lille analyse pakke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457200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æringsstoffer (total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342900" lvl="0" indent="-342900">
                        <a:lnSpc>
                          <a:spcPct val="107000"/>
                        </a:lnSpc>
                        <a:buFont typeface="Sylfaen" panose="010A0502050306030303" pitchFamily="18" charset="0"/>
                        <a:buChar char="-"/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osfor (P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342900" lvl="0" indent="-342900">
                        <a:lnSpc>
                          <a:spcPct val="107000"/>
                        </a:lnSpc>
                        <a:buFont typeface="Sylfaen" panose="010A0502050306030303" pitchFamily="18" charset="0"/>
                        <a:buChar char="-"/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Fosfat (PO</a:t>
                      </a:r>
                      <a:r>
                        <a:rPr lang="da-DK" sz="1200" baseline="-250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4</a:t>
                      </a:r>
                      <a:r>
                        <a:rPr lang="da-DK" sz="1200" baseline="300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3-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342900" lvl="0" indent="-342900">
                        <a:lnSpc>
                          <a:spcPct val="107000"/>
                        </a:lnSpc>
                        <a:buFont typeface="Sylfaen" panose="010A0502050306030303" pitchFamily="18" charset="0"/>
                        <a:buChar char="-"/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itrogen (N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 marL="342900" lvl="0" indent="-342900">
                        <a:lnSpc>
                          <a:spcPct val="107000"/>
                        </a:lnSpc>
                        <a:spcAft>
                          <a:spcPts val="800"/>
                        </a:spcAft>
                        <a:buFont typeface="Sylfaen" panose="010A0502050306030303" pitchFamily="18" charset="0"/>
                        <a:buChar char="-"/>
                      </a:pP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Nitrat (NO</a:t>
                      </a:r>
                      <a:r>
                        <a:rPr lang="da-DK" sz="1200" baseline="-250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3</a:t>
                      </a:r>
                      <a:r>
                        <a:rPr lang="da-DK" sz="1200" baseline="300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-</a:t>
                      </a:r>
                      <a:r>
                        <a:rPr lang="da-DK" sz="1200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)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Suspenderet stof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(Partikelstørrelsesfordeling) 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pH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Konduktivitet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E. Coli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1200" b="1" dirty="0" err="1">
                          <a:effectLst/>
                          <a:latin typeface="Sylfaen" panose="010A0502050306030303" pitchFamily="18" charset="0"/>
                          <a:ea typeface="Yu Mincho" panose="02020400000000000000" pitchFamily="18" charset="-128"/>
                          <a:cs typeface="Arial" panose="020B0604020202020204" pitchFamily="34" charset="0"/>
                        </a:rPr>
                        <a:t>Enterokokker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Yu Mincho" panose="02020400000000000000" pitchFamily="18" charset="-128"/>
                        <a:cs typeface="Arial" panose="020B060402020202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18820684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7645563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98A68E0-1E1F-4ADA-A933-F9B9080D8E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2478" y="2015460"/>
            <a:ext cx="10852150" cy="4212086"/>
          </a:xfrm>
        </p:spPr>
        <p:txBody>
          <a:bodyPr vert="horz" lIns="0" tIns="0" rIns="0" bIns="0" rtlCol="0" anchor="t">
            <a:normAutofit/>
          </a:bodyPr>
          <a:lstStyle/>
          <a:p>
            <a:pPr marL="456489" lvl="1" indent="-227965"/>
            <a:r>
              <a:rPr lang="da-DK" sz="2000" dirty="0"/>
              <a:t>Arbejdsgruppen har foretaget de første test af Vejledningen på konkrete renseteknologier eller indarbejdet hvordan Vejledningen fremadrettet skal indgå i test. </a:t>
            </a:r>
          </a:p>
          <a:p>
            <a:pPr marL="456489" lvl="1" indent="-227965"/>
            <a:endParaRPr lang="da-DK" sz="2000" dirty="0"/>
          </a:p>
          <a:p>
            <a:pPr marL="456489" lvl="1" indent="-227965"/>
            <a:r>
              <a:rPr lang="da-DK" sz="2000" dirty="0"/>
              <a:t>Der er lavet skemaer til brug under de forskellige test, så samme standard data bliver indberettet </a:t>
            </a:r>
            <a:endParaRPr lang="da-DK" sz="1800" dirty="0"/>
          </a:p>
          <a:p>
            <a:pPr marL="456489" lvl="1" indent="-227965"/>
            <a:endParaRPr lang="da-DK" sz="2000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8E91856-4BD1-44EE-96F7-A9A90FCEC625}"/>
              </a:ext>
            </a:extLst>
          </p:cNvPr>
          <p:cNvSpPr txBox="1">
            <a:spLocks/>
          </p:cNvSpPr>
          <p:nvPr/>
        </p:nvSpPr>
        <p:spPr>
          <a:xfrm>
            <a:off x="613224" y="1086841"/>
            <a:ext cx="10851404" cy="645641"/>
          </a:xfrm>
          <a:prstGeom prst="rect">
            <a:avLst/>
          </a:prstGeom>
        </p:spPr>
        <p:txBody>
          <a:bodyPr vert="horz" lIns="0" tIns="0" rIns="0" bIns="0" rtlCol="0" anchor="ctr">
            <a:normAutofit/>
          </a:bodyPr>
          <a:lstStyle>
            <a:lvl1pPr algn="l" defTabSz="91413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b="1" dirty="0"/>
              <a:t>Test af Vejledninge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D4EAF83-177C-4A2B-A811-D83627FE38D9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53336" t="15339" r="13770" b="16072"/>
          <a:stretch/>
        </p:blipFill>
        <p:spPr>
          <a:xfrm>
            <a:off x="724197" y="3640015"/>
            <a:ext cx="4762204" cy="279287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EA7BDB67-92A2-46CF-892D-5F40FDF5D904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53586" t="20834" r="14758" b="14607"/>
          <a:stretch/>
        </p:blipFill>
        <p:spPr>
          <a:xfrm>
            <a:off x="5776385" y="3640014"/>
            <a:ext cx="4869300" cy="279287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2457151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98A68E0-1E1F-4ADA-A933-F9B9080D8E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2478" y="2015460"/>
            <a:ext cx="5024924" cy="4212086"/>
          </a:xfrm>
        </p:spPr>
        <p:txBody>
          <a:bodyPr vert="horz" lIns="0" tIns="0" rIns="0" bIns="0" rtlCol="0" anchor="t">
            <a:normAutofit/>
          </a:bodyPr>
          <a:lstStyle/>
          <a:p>
            <a:pPr marL="456489" lvl="1" indent="-227965"/>
            <a:r>
              <a:rPr lang="da-DK" sz="2000" dirty="0"/>
              <a:t>Vejledningen er i gang med at blive testet</a:t>
            </a:r>
          </a:p>
          <a:p>
            <a:pPr marL="685017" lvl="2" indent="-227965"/>
            <a:r>
              <a:rPr lang="da-DK" sz="1800" dirty="0"/>
              <a:t>Jo flere test des bedre</a:t>
            </a:r>
          </a:p>
          <a:p>
            <a:pPr marL="456489" lvl="1" indent="-227965"/>
            <a:endParaRPr lang="da-DK" sz="2000" dirty="0"/>
          </a:p>
          <a:p>
            <a:pPr marL="456489" lvl="1" indent="-227965"/>
            <a:r>
              <a:rPr lang="da-DK" sz="2000" dirty="0"/>
              <a:t>Resultat håndteringen skal foregå samlet og være nemt tilgængelige</a:t>
            </a:r>
          </a:p>
          <a:p>
            <a:pPr marL="456489" lvl="1" indent="-227965"/>
            <a:endParaRPr lang="da-DK" sz="2000" dirty="0"/>
          </a:p>
          <a:p>
            <a:pPr marL="456489" lvl="1" indent="-227965"/>
            <a:r>
              <a:rPr lang="da-DK" sz="2000" dirty="0">
                <a:hlinkClick r:id="rId4"/>
              </a:rPr>
              <a:t>w</a:t>
            </a:r>
            <a:r>
              <a:rPr lang="da-DK" sz="2000" dirty="0">
                <a:hlinkClick r:id="rId4"/>
              </a:rPr>
              <a:t>ww.vandkvalitet-abc.teknologisk.dk</a:t>
            </a:r>
            <a:endParaRPr lang="da-DK" sz="2000" dirty="0"/>
          </a:p>
          <a:p>
            <a:pPr marL="228524" lvl="1" indent="0">
              <a:buNone/>
            </a:pPr>
            <a:endParaRPr lang="da-DK" sz="2000" dirty="0"/>
          </a:p>
          <a:p>
            <a:pPr lvl="1"/>
            <a:r>
              <a:rPr lang="da-DK" sz="2000" dirty="0"/>
              <a:t>Kataloget er afhængigt af indkommende </a:t>
            </a:r>
          </a:p>
          <a:p>
            <a:pPr marL="228524" lvl="1" indent="0">
              <a:buNone/>
            </a:pPr>
            <a:r>
              <a:rPr lang="da-DK" sz="2000" dirty="0"/>
              <a:t>    data og test</a:t>
            </a:r>
          </a:p>
          <a:p>
            <a:pPr marL="228524" lvl="1" indent="0">
              <a:buNone/>
            </a:pPr>
            <a:endParaRPr lang="da-DK" sz="2000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8E91856-4BD1-44EE-96F7-A9A90FCEC625}"/>
              </a:ext>
            </a:extLst>
          </p:cNvPr>
          <p:cNvSpPr txBox="1">
            <a:spLocks/>
          </p:cNvSpPr>
          <p:nvPr/>
        </p:nvSpPr>
        <p:spPr>
          <a:xfrm>
            <a:off x="613224" y="1086841"/>
            <a:ext cx="10851404" cy="645641"/>
          </a:xfrm>
          <a:prstGeom prst="rect">
            <a:avLst/>
          </a:prstGeom>
        </p:spPr>
        <p:txBody>
          <a:bodyPr vert="horz" lIns="0" tIns="0" rIns="0" bIns="0" rtlCol="0" anchor="ctr">
            <a:normAutofit/>
          </a:bodyPr>
          <a:lstStyle>
            <a:lvl1pPr algn="l" defTabSz="91413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b="1" dirty="0"/>
              <a:t>Hvor er vi nu og hvad med fremtiden…….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38802E8-8E3E-40DD-B9A5-95F382112ADD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51207" t="8766" r="960" b="7359"/>
          <a:stretch/>
        </p:blipFill>
        <p:spPr>
          <a:xfrm>
            <a:off x="6241409" y="2015461"/>
            <a:ext cx="5830349" cy="287532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0071430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kstfelt 5">
            <a:extLst>
              <a:ext uri="{FF2B5EF4-FFF2-40B4-BE49-F238E27FC236}">
                <a16:creationId xmlns:a16="http://schemas.microsoft.com/office/drawing/2014/main" id="{5B6F4218-32A9-4ED5-9A4E-DC243A44E6C6}"/>
              </a:ext>
            </a:extLst>
          </p:cNvPr>
          <p:cNvSpPr txBox="1"/>
          <p:nvPr/>
        </p:nvSpPr>
        <p:spPr>
          <a:xfrm>
            <a:off x="633225" y="981569"/>
            <a:ext cx="722947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Netværket</a:t>
            </a:r>
          </a:p>
        </p:txBody>
      </p:sp>
      <p:sp>
        <p:nvSpPr>
          <p:cNvPr id="7" name="Kombinationstegning: figur 6">
            <a:extLst>
              <a:ext uri="{FF2B5EF4-FFF2-40B4-BE49-F238E27FC236}">
                <a16:creationId xmlns:a16="http://schemas.microsoft.com/office/drawing/2014/main" id="{91E19768-ED54-44C5-86B1-0D8C2D82B6D5}"/>
              </a:ext>
            </a:extLst>
          </p:cNvPr>
          <p:cNvSpPr/>
          <p:nvPr/>
        </p:nvSpPr>
        <p:spPr>
          <a:xfrm>
            <a:off x="0" y="1776169"/>
            <a:ext cx="12192000" cy="4217195"/>
          </a:xfrm>
          <a:custGeom>
            <a:avLst/>
            <a:gdLst>
              <a:gd name="connsiteX0" fmla="*/ 0 w 12192000"/>
              <a:gd name="connsiteY0" fmla="*/ 1132131 h 4217195"/>
              <a:gd name="connsiteX1" fmla="*/ 3136900 w 12192000"/>
              <a:gd name="connsiteY1" fmla="*/ 624131 h 4217195"/>
              <a:gd name="connsiteX2" fmla="*/ 4584700 w 12192000"/>
              <a:gd name="connsiteY2" fmla="*/ 4027731 h 4217195"/>
              <a:gd name="connsiteX3" fmla="*/ 7061200 w 12192000"/>
              <a:gd name="connsiteY3" fmla="*/ 3380031 h 4217195"/>
              <a:gd name="connsiteX4" fmla="*/ 8001000 w 12192000"/>
              <a:gd name="connsiteY4" fmla="*/ 14531 h 4217195"/>
              <a:gd name="connsiteX5" fmla="*/ 12192000 w 12192000"/>
              <a:gd name="connsiteY5" fmla="*/ 2389431 h 42171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4217195">
                <a:moveTo>
                  <a:pt x="0" y="1132131"/>
                </a:moveTo>
                <a:cubicBezTo>
                  <a:pt x="1186391" y="636831"/>
                  <a:pt x="2372783" y="141531"/>
                  <a:pt x="3136900" y="624131"/>
                </a:cubicBezTo>
                <a:cubicBezTo>
                  <a:pt x="3901017" y="1106731"/>
                  <a:pt x="3930650" y="3568414"/>
                  <a:pt x="4584700" y="4027731"/>
                </a:cubicBezTo>
                <a:cubicBezTo>
                  <a:pt x="5238750" y="4487048"/>
                  <a:pt x="6491817" y="4048898"/>
                  <a:pt x="7061200" y="3380031"/>
                </a:cubicBezTo>
                <a:cubicBezTo>
                  <a:pt x="7630583" y="2711164"/>
                  <a:pt x="7145867" y="179631"/>
                  <a:pt x="8001000" y="14531"/>
                </a:cubicBezTo>
                <a:cubicBezTo>
                  <a:pt x="8856133" y="-150569"/>
                  <a:pt x="10524066" y="1119431"/>
                  <a:pt x="12192000" y="2389431"/>
                </a:cubicBezTo>
              </a:path>
            </a:pathLst>
          </a:cu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8" name="Gruppe 7">
            <a:extLst>
              <a:ext uri="{FF2B5EF4-FFF2-40B4-BE49-F238E27FC236}">
                <a16:creationId xmlns:a16="http://schemas.microsoft.com/office/drawing/2014/main" id="{704673CE-B796-4D64-84B0-3440FDB2FE4F}"/>
              </a:ext>
            </a:extLst>
          </p:cNvPr>
          <p:cNvGrpSpPr/>
          <p:nvPr/>
        </p:nvGrpSpPr>
        <p:grpSpPr>
          <a:xfrm>
            <a:off x="252230" y="2091248"/>
            <a:ext cx="1706130" cy="1026204"/>
            <a:chOff x="7227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A4E38BE-D6DE-43C1-859C-CF0E9ED62E09}"/>
                </a:ext>
              </a:extLst>
            </p:cNvPr>
            <p:cNvSpPr/>
            <p:nvPr/>
          </p:nvSpPr>
          <p:spPr>
            <a:xfrm>
              <a:off x="7227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0" name="Tekstfelt 9">
              <a:extLst>
                <a:ext uri="{FF2B5EF4-FFF2-40B4-BE49-F238E27FC236}">
                  <a16:creationId xmlns:a16="http://schemas.microsoft.com/office/drawing/2014/main" id="{F5A7C205-E991-4F65-A192-B4B705902DA7}"/>
                </a:ext>
              </a:extLst>
            </p:cNvPr>
            <p:cNvSpPr txBox="1"/>
            <p:nvPr/>
          </p:nvSpPr>
          <p:spPr>
            <a:xfrm>
              <a:off x="739597" y="3278833"/>
              <a:ext cx="1669257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1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Kortlægning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5.2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1" name="Gruppe 10">
            <a:extLst>
              <a:ext uri="{FF2B5EF4-FFF2-40B4-BE49-F238E27FC236}">
                <a16:creationId xmlns:a16="http://schemas.microsoft.com/office/drawing/2014/main" id="{E6C3DDE0-927E-4506-B0D9-C2A17D0C2363}"/>
              </a:ext>
            </a:extLst>
          </p:cNvPr>
          <p:cNvGrpSpPr/>
          <p:nvPr/>
        </p:nvGrpSpPr>
        <p:grpSpPr>
          <a:xfrm>
            <a:off x="2999221" y="3351554"/>
            <a:ext cx="1706130" cy="1026204"/>
            <a:chOff x="299922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2" name="Rektangel 11">
              <a:extLst>
                <a:ext uri="{FF2B5EF4-FFF2-40B4-BE49-F238E27FC236}">
                  <a16:creationId xmlns:a16="http://schemas.microsoft.com/office/drawing/2014/main" id="{C63F4098-6BFB-4F29-B46C-DCD44632F93B}"/>
                </a:ext>
              </a:extLst>
            </p:cNvPr>
            <p:cNvSpPr/>
            <p:nvPr/>
          </p:nvSpPr>
          <p:spPr>
            <a:xfrm>
              <a:off x="299922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3" name="Tekstfelt 12">
              <a:extLst>
                <a:ext uri="{FF2B5EF4-FFF2-40B4-BE49-F238E27FC236}">
                  <a16:creationId xmlns:a16="http://schemas.microsoft.com/office/drawing/2014/main" id="{952C401D-7859-4350-82D8-D70D22E2D937}"/>
                </a:ext>
              </a:extLst>
            </p:cNvPr>
            <p:cNvSpPr txBox="1"/>
            <p:nvPr/>
          </p:nvSpPr>
          <p:spPr>
            <a:xfrm>
              <a:off x="3025991" y="3289539"/>
              <a:ext cx="1652589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2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Fokus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9.4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4A47BBE2-6584-4BA6-B43C-DDF48B651535}"/>
              </a:ext>
            </a:extLst>
          </p:cNvPr>
          <p:cNvGrpSpPr/>
          <p:nvPr/>
        </p:nvGrpSpPr>
        <p:grpSpPr>
          <a:xfrm>
            <a:off x="5968155" y="4602134"/>
            <a:ext cx="1706130" cy="1026204"/>
            <a:chOff x="527569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4AE8FC75-6658-4117-8799-57F86240E907}"/>
                </a:ext>
              </a:extLst>
            </p:cNvPr>
            <p:cNvSpPr/>
            <p:nvPr/>
          </p:nvSpPr>
          <p:spPr>
            <a:xfrm>
              <a:off x="527569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6" name="Tekstfelt 15">
              <a:extLst>
                <a:ext uri="{FF2B5EF4-FFF2-40B4-BE49-F238E27FC236}">
                  <a16:creationId xmlns:a16="http://schemas.microsoft.com/office/drawing/2014/main" id="{D1961386-A9DE-4D84-BA3D-B1E0A454E624}"/>
                </a:ext>
              </a:extLst>
            </p:cNvPr>
            <p:cNvSpPr txBox="1"/>
            <p:nvPr/>
          </p:nvSpPr>
          <p:spPr>
            <a:xfrm>
              <a:off x="5294004" y="3292685"/>
              <a:ext cx="1666876" cy="830997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3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Ny </a:t>
              </a:r>
              <a:r>
                <a:rPr lang="da-DK" sz="1800" dirty="0" err="1">
                  <a:solidFill>
                    <a:schemeClr val="bg1"/>
                  </a:solidFill>
                </a:rPr>
                <a:t>testproced</a:t>
              </a:r>
              <a:r>
                <a:rPr lang="da-DK" sz="1800" dirty="0">
                  <a:solidFill>
                    <a:schemeClr val="bg1"/>
                  </a:solidFill>
                </a:rPr>
                <a:t>.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18.9.2020</a:t>
              </a:r>
            </a:p>
          </p:txBody>
        </p:sp>
      </p:grpSp>
      <p:grpSp>
        <p:nvGrpSpPr>
          <p:cNvPr id="17" name="Gruppe 16">
            <a:extLst>
              <a:ext uri="{FF2B5EF4-FFF2-40B4-BE49-F238E27FC236}">
                <a16:creationId xmlns:a16="http://schemas.microsoft.com/office/drawing/2014/main" id="{AD40C94E-6D88-42EA-BC7E-1A2F2077D752}"/>
              </a:ext>
            </a:extLst>
          </p:cNvPr>
          <p:cNvGrpSpPr/>
          <p:nvPr/>
        </p:nvGrpSpPr>
        <p:grpSpPr>
          <a:xfrm>
            <a:off x="7404167" y="847249"/>
            <a:ext cx="1948617" cy="1182887"/>
            <a:chOff x="755217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8" name="Rektangel 17">
              <a:extLst>
                <a:ext uri="{FF2B5EF4-FFF2-40B4-BE49-F238E27FC236}">
                  <a16:creationId xmlns:a16="http://schemas.microsoft.com/office/drawing/2014/main" id="{A07BEF8E-D52B-4485-B271-DC2F7590B22A}"/>
                </a:ext>
              </a:extLst>
            </p:cNvPr>
            <p:cNvSpPr/>
            <p:nvPr/>
          </p:nvSpPr>
          <p:spPr>
            <a:xfrm>
              <a:off x="755217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398F8D06-9A09-49D2-91BA-3D4E28D79425}"/>
                </a:ext>
              </a:extLst>
            </p:cNvPr>
            <p:cNvSpPr txBox="1"/>
            <p:nvPr/>
          </p:nvSpPr>
          <p:spPr>
            <a:xfrm>
              <a:off x="7594708" y="3266218"/>
              <a:ext cx="1624012" cy="787387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4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Revidering af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Vejledning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15.4.2021</a:t>
              </a:r>
            </a:p>
          </p:txBody>
        </p:sp>
      </p:grpSp>
      <p:grpSp>
        <p:nvGrpSpPr>
          <p:cNvPr id="20" name="Gruppe 19">
            <a:extLst>
              <a:ext uri="{FF2B5EF4-FFF2-40B4-BE49-F238E27FC236}">
                <a16:creationId xmlns:a16="http://schemas.microsoft.com/office/drawing/2014/main" id="{155E5273-8F67-444F-812C-D1AC27B1F07B}"/>
              </a:ext>
            </a:extLst>
          </p:cNvPr>
          <p:cNvGrpSpPr/>
          <p:nvPr/>
        </p:nvGrpSpPr>
        <p:grpSpPr>
          <a:xfrm>
            <a:off x="10130487" y="2768622"/>
            <a:ext cx="1706130" cy="1026204"/>
            <a:chOff x="98286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297BD6AD-6A27-447C-AEC7-9F3A42AC75D5}"/>
                </a:ext>
              </a:extLst>
            </p:cNvPr>
            <p:cNvSpPr/>
            <p:nvPr/>
          </p:nvSpPr>
          <p:spPr>
            <a:xfrm>
              <a:off x="98286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22" name="Tekstfelt 21">
              <a:extLst>
                <a:ext uri="{FF2B5EF4-FFF2-40B4-BE49-F238E27FC236}">
                  <a16:creationId xmlns:a16="http://schemas.microsoft.com/office/drawing/2014/main" id="{11C161B1-591D-4DB0-8F62-25D9AA3EB4EE}"/>
                </a:ext>
              </a:extLst>
            </p:cNvPr>
            <p:cNvSpPr txBox="1"/>
            <p:nvPr/>
          </p:nvSpPr>
          <p:spPr>
            <a:xfrm>
              <a:off x="9854984" y="3281724"/>
              <a:ext cx="1657350" cy="738664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5</a:t>
              </a:r>
            </a:p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Forankring 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8.10.2021</a:t>
              </a:r>
            </a:p>
          </p:txBody>
        </p:sp>
      </p:grp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E68BED3F-189B-409F-B875-3EAFA0C7B11D}"/>
              </a:ext>
            </a:extLst>
          </p:cNvPr>
          <p:cNvCxnSpPr>
            <a:cxnSpLocks/>
          </p:cNvCxnSpPr>
          <p:nvPr/>
        </p:nvCxnSpPr>
        <p:spPr>
          <a:xfrm flipH="1">
            <a:off x="9996307" y="1583202"/>
            <a:ext cx="578524" cy="779927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kstfelt 22">
            <a:extLst>
              <a:ext uri="{FF2B5EF4-FFF2-40B4-BE49-F238E27FC236}">
                <a16:creationId xmlns:a16="http://schemas.microsoft.com/office/drawing/2014/main" id="{CAEBFFC0-AF23-495D-81EE-440D2C6E916A}"/>
              </a:ext>
            </a:extLst>
          </p:cNvPr>
          <p:cNvSpPr txBox="1"/>
          <p:nvPr/>
        </p:nvSpPr>
        <p:spPr>
          <a:xfrm>
            <a:off x="9996307" y="1258568"/>
            <a:ext cx="1559293" cy="27699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da-DK" sz="1800" dirty="0"/>
              <a:t>Her er vi i dag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3BF1AA5F-6393-4FD5-8848-76B44B1F44A8}"/>
              </a:ext>
            </a:extLst>
          </p:cNvPr>
          <p:cNvSpPr/>
          <p:nvPr/>
        </p:nvSpPr>
        <p:spPr>
          <a:xfrm>
            <a:off x="3904991" y="4530076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BDB6FCCC-3A9D-40ED-84DA-6743DCBCB2C4}"/>
              </a:ext>
            </a:extLst>
          </p:cNvPr>
          <p:cNvSpPr/>
          <p:nvPr/>
        </p:nvSpPr>
        <p:spPr>
          <a:xfrm>
            <a:off x="4095002" y="517869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0D96F151-C91D-4C31-B1E2-1C140FEEBDBD}"/>
              </a:ext>
            </a:extLst>
          </p:cNvPr>
          <p:cNvSpPr/>
          <p:nvPr/>
        </p:nvSpPr>
        <p:spPr>
          <a:xfrm>
            <a:off x="4601409" y="5764040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C427EDFB-EAA0-4869-8209-834AB43A01E4}"/>
              </a:ext>
            </a:extLst>
          </p:cNvPr>
          <p:cNvSpPr/>
          <p:nvPr/>
        </p:nvSpPr>
        <p:spPr>
          <a:xfrm>
            <a:off x="5400293" y="5819411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9C4860B5-22AA-408C-A2F7-D7F5151C7408}"/>
              </a:ext>
            </a:extLst>
          </p:cNvPr>
          <p:cNvSpPr/>
          <p:nvPr/>
        </p:nvSpPr>
        <p:spPr>
          <a:xfrm>
            <a:off x="7187888" y="4095022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E0CDA5A-6FAD-4B97-8B4A-EC6C573A1B73}"/>
              </a:ext>
            </a:extLst>
          </p:cNvPr>
          <p:cNvSpPr/>
          <p:nvPr/>
        </p:nvSpPr>
        <p:spPr>
          <a:xfrm>
            <a:off x="7251490" y="331192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29F536F-100C-410E-8AB9-4F700B83A2F8}"/>
              </a:ext>
            </a:extLst>
          </p:cNvPr>
          <p:cNvSpPr/>
          <p:nvPr/>
        </p:nvSpPr>
        <p:spPr>
          <a:xfrm>
            <a:off x="7338822" y="2592114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8ACEF67B-3717-4426-B64D-70F7E36AF747}"/>
              </a:ext>
            </a:extLst>
          </p:cNvPr>
          <p:cNvSpPr/>
          <p:nvPr/>
        </p:nvSpPr>
        <p:spPr>
          <a:xfrm>
            <a:off x="9823508" y="956053"/>
            <a:ext cx="1887523" cy="907607"/>
          </a:xfrm>
          <a:prstGeom prst="ellipse">
            <a:avLst/>
          </a:prstGeom>
          <a:noFill/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416019906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98A68E0-1E1F-4ADA-A933-F9B9080D8E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2478" y="2015460"/>
            <a:ext cx="5880601" cy="4212086"/>
          </a:xfrm>
        </p:spPr>
        <p:txBody>
          <a:bodyPr vert="horz" lIns="0" tIns="0" rIns="0" bIns="0" rtlCol="0" anchor="t">
            <a:normAutofit/>
          </a:bodyPr>
          <a:lstStyle/>
          <a:p>
            <a:pPr marL="456489" lvl="1" indent="-227965"/>
            <a:r>
              <a:rPr lang="da-DK" sz="2000" dirty="0"/>
              <a:t>Netværksmøde den 8. oktober 2021 i Odense</a:t>
            </a:r>
            <a:endParaRPr lang="da-DK" sz="1800" dirty="0"/>
          </a:p>
          <a:p>
            <a:pPr marL="456489" lvl="1" indent="-227965"/>
            <a:endParaRPr lang="da-DK" sz="2000" dirty="0"/>
          </a:p>
          <a:p>
            <a:pPr marL="456489" lvl="1" indent="-227965"/>
            <a:r>
              <a:rPr lang="da-DK" sz="2000" dirty="0"/>
              <a:t>Forventer at Netværket fortsætter fremadrettet</a:t>
            </a:r>
          </a:p>
          <a:p>
            <a:pPr marL="228524" lvl="1" indent="0">
              <a:buNone/>
            </a:pPr>
            <a:endParaRPr lang="da-DK" sz="2000" dirty="0"/>
          </a:p>
          <a:p>
            <a:pPr lvl="1"/>
            <a:r>
              <a:rPr lang="da-DK" sz="2000" dirty="0"/>
              <a:t>Fortsætter med at tage problemstillinger op og arbejder på at løse disse</a:t>
            </a:r>
          </a:p>
          <a:p>
            <a:pPr marL="228524" lvl="1" indent="0">
              <a:buNone/>
            </a:pPr>
            <a:endParaRPr lang="da-DK" sz="2000" dirty="0"/>
          </a:p>
          <a:p>
            <a:pPr lvl="1"/>
            <a:r>
              <a:rPr lang="da-DK" sz="2000" dirty="0"/>
              <a:t>Der er plads til flere medlemmer i Netværket og vi er altid glade for nye </a:t>
            </a:r>
            <a:r>
              <a:rPr lang="da-DK" sz="2000" dirty="0" err="1"/>
              <a:t>indputs</a:t>
            </a:r>
            <a:r>
              <a:rPr lang="da-DK" sz="2000"/>
              <a:t> </a:t>
            </a:r>
            <a:endParaRPr lang="da-DK" sz="2000" dirty="0"/>
          </a:p>
          <a:p>
            <a:pPr marL="228524" lvl="1" indent="0">
              <a:buNone/>
            </a:pPr>
            <a:r>
              <a:rPr lang="da-DK" sz="2000" dirty="0"/>
              <a:t>   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8E91856-4BD1-44EE-96F7-A9A90FCEC625}"/>
              </a:ext>
            </a:extLst>
          </p:cNvPr>
          <p:cNvSpPr txBox="1">
            <a:spLocks/>
          </p:cNvSpPr>
          <p:nvPr/>
        </p:nvSpPr>
        <p:spPr>
          <a:xfrm>
            <a:off x="613224" y="1086841"/>
            <a:ext cx="10851404" cy="645641"/>
          </a:xfrm>
          <a:prstGeom prst="rect">
            <a:avLst/>
          </a:prstGeom>
        </p:spPr>
        <p:txBody>
          <a:bodyPr vert="horz" lIns="0" tIns="0" rIns="0" bIns="0" rtlCol="0" anchor="ctr">
            <a:normAutofit/>
          </a:bodyPr>
          <a:lstStyle>
            <a:lvl1pPr algn="l" defTabSz="91413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r>
              <a:rPr lang="da-DK" b="1" dirty="0"/>
              <a:t>Fremtide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64E68DB-F4DD-4C04-B3AF-1962A3FD62D8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54441" t="8766" r="3576" b="3688"/>
          <a:stretch/>
        </p:blipFill>
        <p:spPr>
          <a:xfrm>
            <a:off x="6635693" y="2015460"/>
            <a:ext cx="5117284" cy="300115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9361058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3">
            <a:extLst>
              <a:ext uri="{FF2B5EF4-FFF2-40B4-BE49-F238E27FC236}">
                <a16:creationId xmlns:a16="http://schemas.microsoft.com/office/drawing/2014/main" id="{0F294CEE-BF6D-4604-A0C8-01CD59C7EA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3224" y="1409662"/>
            <a:ext cx="10851404" cy="1115424"/>
          </a:xfrm>
        </p:spPr>
        <p:txBody>
          <a:bodyPr/>
          <a:lstStyle/>
          <a:p>
            <a:r>
              <a:rPr lang="da-DK" b="1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Projektnetværk – </a:t>
            </a:r>
            <a:r>
              <a:rPr lang="da-DK" b="1" dirty="0" err="1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Regnkvalitet</a:t>
            </a:r>
            <a:r>
              <a:rPr lang="da-DK" b="1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der </a:t>
            </a:r>
            <a:r>
              <a:rPr lang="da-DK" b="1" dirty="0" err="1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BAT’er</a:t>
            </a:r>
            <a:r>
              <a:rPr lang="da-DK" b="1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 </a:t>
            </a:r>
          </a:p>
        </p:txBody>
      </p:sp>
      <p:sp>
        <p:nvSpPr>
          <p:cNvPr id="9" name="Content Placeholder 4">
            <a:extLst>
              <a:ext uri="{FF2B5EF4-FFF2-40B4-BE49-F238E27FC236}">
                <a16:creationId xmlns:a16="http://schemas.microsoft.com/office/drawing/2014/main" id="{F8808BF9-D139-4D4F-9DAF-8DD9A6CCAAA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12000" y="2673183"/>
            <a:ext cx="10852150" cy="3319463"/>
          </a:xfrm>
        </p:spPr>
        <p:txBody>
          <a:bodyPr>
            <a:normAutofit fontScale="92500" lnSpcReduction="20000"/>
          </a:bodyPr>
          <a:lstStyle/>
          <a:p>
            <a:pPr lvl="1"/>
            <a:r>
              <a:rPr lang="da-DK" dirty="0"/>
              <a:t>Oprettet i start af 2020 og er sat til at løbe til og med 2021</a:t>
            </a:r>
          </a:p>
          <a:p>
            <a:pPr lvl="2"/>
            <a:r>
              <a:rPr lang="da-DK" dirty="0"/>
              <a:t>Planer om at fortsætte netværket efter 2021</a:t>
            </a:r>
          </a:p>
          <a:p>
            <a:pPr lvl="1"/>
            <a:endParaRPr lang="da-DK" dirty="0"/>
          </a:p>
          <a:p>
            <a:pPr lvl="1"/>
            <a:r>
              <a:rPr lang="da-DK" dirty="0"/>
              <a:t>Netværket består af deltagere fra 12 kommuner, 14 forsyninger, 4 producenter, 3 rådgivere og 4 </a:t>
            </a:r>
            <a:r>
              <a:rPr lang="da-DK" dirty="0" err="1"/>
              <a:t>vidensinstitutioner</a:t>
            </a:r>
            <a:r>
              <a:rPr lang="da-DK" dirty="0"/>
              <a:t> fra hele landet. </a:t>
            </a:r>
          </a:p>
          <a:p>
            <a:pPr lvl="1"/>
            <a:endParaRPr lang="da-DK" dirty="0"/>
          </a:p>
          <a:p>
            <a:pPr lvl="1"/>
            <a:r>
              <a:rPr lang="da-DK" dirty="0"/>
              <a:t>FORMÅL</a:t>
            </a:r>
          </a:p>
          <a:p>
            <a:pPr marL="457052" lvl="2" indent="0">
              <a:buNone/>
            </a:pPr>
            <a:r>
              <a:rPr lang="da-DK" dirty="0"/>
              <a:t>Projektnetværket har </a:t>
            </a:r>
            <a:r>
              <a:rPr lang="da-DK" dirty="0" err="1"/>
              <a:t>bla</a:t>
            </a:r>
            <a:r>
              <a:rPr lang="da-DK" dirty="0"/>
              <a:t> til formål at bidrage til løsning af flere problemstillinger inden for rensning af </a:t>
            </a:r>
            <a:r>
              <a:rPr lang="da-DK" dirty="0" err="1"/>
              <a:t>regnafstrømning</a:t>
            </a:r>
            <a:r>
              <a:rPr lang="da-DK" dirty="0"/>
              <a:t>. </a:t>
            </a:r>
          </a:p>
          <a:p>
            <a:pPr marL="457052" lvl="2" indent="0">
              <a:buNone/>
            </a:pPr>
            <a:endParaRPr lang="da-DK" dirty="0"/>
          </a:p>
          <a:p>
            <a:pPr marL="457052" lvl="2" indent="0">
              <a:buNone/>
            </a:pPr>
            <a:r>
              <a:rPr lang="da-DK" dirty="0"/>
              <a:t>Samt at give medarbejdere i forsyninger, miljømedarbejdere, producenter og rådgivere, et forbedret grundlag for arbejdet med at planlægge og myndighedsbehandle lokal afledning af regnvand og udvikle renseløsninger. </a:t>
            </a:r>
          </a:p>
          <a:p>
            <a:pPr marL="457052" lvl="2" indent="0">
              <a:buNone/>
            </a:pPr>
            <a:endParaRPr lang="da-DK" dirty="0"/>
          </a:p>
          <a:p>
            <a:pPr marL="457052" lvl="2" indent="0">
              <a:buNone/>
            </a:pPr>
            <a:r>
              <a:rPr lang="da-DK" dirty="0"/>
              <a:t>Det langsigtede mål er en dag at kunne have et katalog, evt. i form af en Rørcenteranvisning, over veldokumenterede rense-løsninger til </a:t>
            </a:r>
            <a:r>
              <a:rPr lang="da-DK" dirty="0" err="1"/>
              <a:t>regnafstrømning</a:t>
            </a:r>
            <a:r>
              <a:rPr lang="da-DK" dirty="0"/>
              <a:t>, som sørger for at </a:t>
            </a:r>
            <a:r>
              <a:rPr lang="da-DK" dirty="0" err="1"/>
              <a:t>regnafstrømning</a:t>
            </a:r>
            <a:r>
              <a:rPr lang="da-DK" dirty="0"/>
              <a:t> ikke udgør en risiko for det samlede vandmiljø. Det arbejder vi hen imod, men det kræver en samlet national koordinering.</a:t>
            </a:r>
          </a:p>
          <a:p>
            <a:pPr lvl="1"/>
            <a:endParaRPr lang="da-DK" dirty="0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22860242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F55288C9-A4DB-4862-955C-C612B7EE445F}"/>
              </a:ext>
            </a:extLst>
          </p:cNvPr>
          <p:cNvSpPr txBox="1">
            <a:spLocks/>
          </p:cNvSpPr>
          <p:nvPr/>
        </p:nvSpPr>
        <p:spPr>
          <a:xfrm>
            <a:off x="612000" y="1809805"/>
            <a:ext cx="10851404" cy="1493480"/>
          </a:xfrm>
          <a:prstGeom prst="rect">
            <a:avLst/>
          </a:prstGeom>
        </p:spPr>
        <p:txBody>
          <a:bodyPr/>
          <a:lstStyle>
            <a:lvl1pPr algn="l" defTabSz="91413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kern="1200">
                <a:solidFill>
                  <a:schemeClr val="tx1"/>
                </a:solidFill>
                <a:latin typeface="+mj-lt"/>
                <a:ea typeface="Open Sans Light" panose="020B0306030504020204" pitchFamily="34" charset="0"/>
                <a:cs typeface="Open Sans Light" panose="020B0306030504020204" pitchFamily="34" charset="0"/>
              </a:defRPr>
            </a:lvl1pPr>
          </a:lstStyle>
          <a:p>
            <a:pPr marL="456489" lvl="1" indent="-227965" algn="ctr" defTabSz="914400"/>
            <a:r>
              <a:rPr lang="da-DK" sz="3200" b="1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Tak for i dag</a:t>
            </a:r>
          </a:p>
          <a:p>
            <a:pPr marL="456489" lvl="1" indent="-227965" algn="ctr" defTabSz="914400"/>
            <a:br>
              <a:rPr lang="da-DK" sz="3200" b="1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</a:br>
            <a:r>
              <a:rPr lang="da-DK" sz="3200" b="1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rPr>
              <a:t>Katrine Nielsen</a:t>
            </a:r>
          </a:p>
          <a:p>
            <a:pPr marL="456489" lvl="1" indent="-227965" algn="ctr" defTabSz="914400"/>
            <a:r>
              <a:rPr lang="da-DK" sz="3200" b="1" dirty="0"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  <a:hlinkClick r:id="rId2"/>
              </a:rPr>
              <a:t>katn@teknologisk.dk</a:t>
            </a:r>
            <a:endParaRPr lang="da-DK" sz="3200" b="1" dirty="0"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  <a:p>
            <a:pPr marL="456489" lvl="1" indent="-227965" algn="ctr" defTabSz="914400"/>
            <a:r>
              <a:rPr lang="da-DK" sz="2800" dirty="0">
                <a:solidFill>
                  <a:srgbClr val="000000"/>
                </a:solidFill>
                <a:effectLst/>
                <a:latin typeface="open sans regular" panose="020B0606030504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+45 72 20 15 91</a:t>
            </a:r>
            <a:br>
              <a:rPr lang="da-DK" sz="1800" dirty="0">
                <a:solidFill>
                  <a:srgbClr val="000000"/>
                </a:solidFill>
                <a:effectLst/>
                <a:latin typeface="open sans regular" panose="020B0606030504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endParaRPr lang="da-DK" sz="3200" b="1" kern="1200" dirty="0">
              <a:solidFill>
                <a:schemeClr val="tx1"/>
              </a:solidFill>
              <a:latin typeface="Open Sans" panose="020B0606030504020204" pitchFamily="34" charset="0"/>
              <a:ea typeface="Open Sans" panose="020B0606030504020204" pitchFamily="34" charset="0"/>
              <a:cs typeface="Open Sans" panose="020B0606030504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6348507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kstfelt 5">
            <a:extLst>
              <a:ext uri="{FF2B5EF4-FFF2-40B4-BE49-F238E27FC236}">
                <a16:creationId xmlns:a16="http://schemas.microsoft.com/office/drawing/2014/main" id="{5B6F4218-32A9-4ED5-9A4E-DC243A44E6C6}"/>
              </a:ext>
            </a:extLst>
          </p:cNvPr>
          <p:cNvSpPr txBox="1"/>
          <p:nvPr/>
        </p:nvSpPr>
        <p:spPr>
          <a:xfrm>
            <a:off x="633225" y="981569"/>
            <a:ext cx="722947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Netværket</a:t>
            </a:r>
          </a:p>
        </p:txBody>
      </p:sp>
      <p:sp>
        <p:nvSpPr>
          <p:cNvPr id="7" name="Kombinationstegning: figur 6">
            <a:extLst>
              <a:ext uri="{FF2B5EF4-FFF2-40B4-BE49-F238E27FC236}">
                <a16:creationId xmlns:a16="http://schemas.microsoft.com/office/drawing/2014/main" id="{91E19768-ED54-44C5-86B1-0D8C2D82B6D5}"/>
              </a:ext>
            </a:extLst>
          </p:cNvPr>
          <p:cNvSpPr/>
          <p:nvPr/>
        </p:nvSpPr>
        <p:spPr>
          <a:xfrm>
            <a:off x="0" y="1776169"/>
            <a:ext cx="12192000" cy="4217195"/>
          </a:xfrm>
          <a:custGeom>
            <a:avLst/>
            <a:gdLst>
              <a:gd name="connsiteX0" fmla="*/ 0 w 12192000"/>
              <a:gd name="connsiteY0" fmla="*/ 1132131 h 4217195"/>
              <a:gd name="connsiteX1" fmla="*/ 3136900 w 12192000"/>
              <a:gd name="connsiteY1" fmla="*/ 624131 h 4217195"/>
              <a:gd name="connsiteX2" fmla="*/ 4584700 w 12192000"/>
              <a:gd name="connsiteY2" fmla="*/ 4027731 h 4217195"/>
              <a:gd name="connsiteX3" fmla="*/ 7061200 w 12192000"/>
              <a:gd name="connsiteY3" fmla="*/ 3380031 h 4217195"/>
              <a:gd name="connsiteX4" fmla="*/ 8001000 w 12192000"/>
              <a:gd name="connsiteY4" fmla="*/ 14531 h 4217195"/>
              <a:gd name="connsiteX5" fmla="*/ 12192000 w 12192000"/>
              <a:gd name="connsiteY5" fmla="*/ 2389431 h 42171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4217195">
                <a:moveTo>
                  <a:pt x="0" y="1132131"/>
                </a:moveTo>
                <a:cubicBezTo>
                  <a:pt x="1186391" y="636831"/>
                  <a:pt x="2372783" y="141531"/>
                  <a:pt x="3136900" y="624131"/>
                </a:cubicBezTo>
                <a:cubicBezTo>
                  <a:pt x="3901017" y="1106731"/>
                  <a:pt x="3930650" y="3568414"/>
                  <a:pt x="4584700" y="4027731"/>
                </a:cubicBezTo>
                <a:cubicBezTo>
                  <a:pt x="5238750" y="4487048"/>
                  <a:pt x="6491817" y="4048898"/>
                  <a:pt x="7061200" y="3380031"/>
                </a:cubicBezTo>
                <a:cubicBezTo>
                  <a:pt x="7630583" y="2711164"/>
                  <a:pt x="7145867" y="179631"/>
                  <a:pt x="8001000" y="14531"/>
                </a:cubicBezTo>
                <a:cubicBezTo>
                  <a:pt x="8856133" y="-150569"/>
                  <a:pt x="10524066" y="1119431"/>
                  <a:pt x="12192000" y="2389431"/>
                </a:cubicBezTo>
              </a:path>
            </a:pathLst>
          </a:cu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8" name="Gruppe 7">
            <a:extLst>
              <a:ext uri="{FF2B5EF4-FFF2-40B4-BE49-F238E27FC236}">
                <a16:creationId xmlns:a16="http://schemas.microsoft.com/office/drawing/2014/main" id="{704673CE-B796-4D64-84B0-3440FDB2FE4F}"/>
              </a:ext>
            </a:extLst>
          </p:cNvPr>
          <p:cNvGrpSpPr/>
          <p:nvPr/>
        </p:nvGrpSpPr>
        <p:grpSpPr>
          <a:xfrm>
            <a:off x="252230" y="2091248"/>
            <a:ext cx="1706130" cy="1026204"/>
            <a:chOff x="7227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A4E38BE-D6DE-43C1-859C-CF0E9ED62E09}"/>
                </a:ext>
              </a:extLst>
            </p:cNvPr>
            <p:cNvSpPr/>
            <p:nvPr/>
          </p:nvSpPr>
          <p:spPr>
            <a:xfrm>
              <a:off x="7227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0" name="Tekstfelt 9">
              <a:extLst>
                <a:ext uri="{FF2B5EF4-FFF2-40B4-BE49-F238E27FC236}">
                  <a16:creationId xmlns:a16="http://schemas.microsoft.com/office/drawing/2014/main" id="{F5A7C205-E991-4F65-A192-B4B705902DA7}"/>
                </a:ext>
              </a:extLst>
            </p:cNvPr>
            <p:cNvSpPr txBox="1"/>
            <p:nvPr/>
          </p:nvSpPr>
          <p:spPr>
            <a:xfrm>
              <a:off x="739597" y="3278833"/>
              <a:ext cx="1669257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1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Kortlægning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5.2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1" name="Gruppe 10">
            <a:extLst>
              <a:ext uri="{FF2B5EF4-FFF2-40B4-BE49-F238E27FC236}">
                <a16:creationId xmlns:a16="http://schemas.microsoft.com/office/drawing/2014/main" id="{E6C3DDE0-927E-4506-B0D9-C2A17D0C2363}"/>
              </a:ext>
            </a:extLst>
          </p:cNvPr>
          <p:cNvGrpSpPr/>
          <p:nvPr/>
        </p:nvGrpSpPr>
        <p:grpSpPr>
          <a:xfrm>
            <a:off x="2999221" y="3351554"/>
            <a:ext cx="1706130" cy="1026204"/>
            <a:chOff x="299922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2" name="Rektangel 11">
              <a:extLst>
                <a:ext uri="{FF2B5EF4-FFF2-40B4-BE49-F238E27FC236}">
                  <a16:creationId xmlns:a16="http://schemas.microsoft.com/office/drawing/2014/main" id="{C63F4098-6BFB-4F29-B46C-DCD44632F93B}"/>
                </a:ext>
              </a:extLst>
            </p:cNvPr>
            <p:cNvSpPr/>
            <p:nvPr/>
          </p:nvSpPr>
          <p:spPr>
            <a:xfrm>
              <a:off x="299922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3" name="Tekstfelt 12">
              <a:extLst>
                <a:ext uri="{FF2B5EF4-FFF2-40B4-BE49-F238E27FC236}">
                  <a16:creationId xmlns:a16="http://schemas.microsoft.com/office/drawing/2014/main" id="{952C401D-7859-4350-82D8-D70D22E2D937}"/>
                </a:ext>
              </a:extLst>
            </p:cNvPr>
            <p:cNvSpPr txBox="1"/>
            <p:nvPr/>
          </p:nvSpPr>
          <p:spPr>
            <a:xfrm>
              <a:off x="3025991" y="3289539"/>
              <a:ext cx="1652589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2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Fokus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9.4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4A47BBE2-6584-4BA6-B43C-DDF48B651535}"/>
              </a:ext>
            </a:extLst>
          </p:cNvPr>
          <p:cNvGrpSpPr/>
          <p:nvPr/>
        </p:nvGrpSpPr>
        <p:grpSpPr>
          <a:xfrm>
            <a:off x="5968155" y="4602134"/>
            <a:ext cx="1706130" cy="1026204"/>
            <a:chOff x="527569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4AE8FC75-6658-4117-8799-57F86240E907}"/>
                </a:ext>
              </a:extLst>
            </p:cNvPr>
            <p:cNvSpPr/>
            <p:nvPr/>
          </p:nvSpPr>
          <p:spPr>
            <a:xfrm>
              <a:off x="527569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6" name="Tekstfelt 15">
              <a:extLst>
                <a:ext uri="{FF2B5EF4-FFF2-40B4-BE49-F238E27FC236}">
                  <a16:creationId xmlns:a16="http://schemas.microsoft.com/office/drawing/2014/main" id="{D1961386-A9DE-4D84-BA3D-B1E0A454E624}"/>
                </a:ext>
              </a:extLst>
            </p:cNvPr>
            <p:cNvSpPr txBox="1"/>
            <p:nvPr/>
          </p:nvSpPr>
          <p:spPr>
            <a:xfrm>
              <a:off x="5294004" y="3292685"/>
              <a:ext cx="1666876" cy="830997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3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Ny </a:t>
              </a:r>
              <a:r>
                <a:rPr lang="da-DK" sz="1800" dirty="0" err="1">
                  <a:solidFill>
                    <a:schemeClr val="bg1"/>
                  </a:solidFill>
                </a:rPr>
                <a:t>testproced</a:t>
              </a:r>
              <a:r>
                <a:rPr lang="da-DK" sz="1800" dirty="0">
                  <a:solidFill>
                    <a:schemeClr val="bg1"/>
                  </a:solidFill>
                </a:rPr>
                <a:t>.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18.9.2020</a:t>
              </a:r>
            </a:p>
          </p:txBody>
        </p:sp>
      </p:grpSp>
      <p:grpSp>
        <p:nvGrpSpPr>
          <p:cNvPr id="17" name="Gruppe 16">
            <a:extLst>
              <a:ext uri="{FF2B5EF4-FFF2-40B4-BE49-F238E27FC236}">
                <a16:creationId xmlns:a16="http://schemas.microsoft.com/office/drawing/2014/main" id="{AD40C94E-6D88-42EA-BC7E-1A2F2077D752}"/>
              </a:ext>
            </a:extLst>
          </p:cNvPr>
          <p:cNvGrpSpPr/>
          <p:nvPr/>
        </p:nvGrpSpPr>
        <p:grpSpPr>
          <a:xfrm>
            <a:off x="7404167" y="847249"/>
            <a:ext cx="1948617" cy="1182887"/>
            <a:chOff x="755217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8" name="Rektangel 17">
              <a:extLst>
                <a:ext uri="{FF2B5EF4-FFF2-40B4-BE49-F238E27FC236}">
                  <a16:creationId xmlns:a16="http://schemas.microsoft.com/office/drawing/2014/main" id="{A07BEF8E-D52B-4485-B271-DC2F7590B22A}"/>
                </a:ext>
              </a:extLst>
            </p:cNvPr>
            <p:cNvSpPr/>
            <p:nvPr/>
          </p:nvSpPr>
          <p:spPr>
            <a:xfrm>
              <a:off x="755217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398F8D06-9A09-49D2-91BA-3D4E28D79425}"/>
                </a:ext>
              </a:extLst>
            </p:cNvPr>
            <p:cNvSpPr txBox="1"/>
            <p:nvPr/>
          </p:nvSpPr>
          <p:spPr>
            <a:xfrm>
              <a:off x="7594708" y="3266218"/>
              <a:ext cx="1624012" cy="787387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4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Revidering af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Vejledning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15.4.2021</a:t>
              </a:r>
            </a:p>
          </p:txBody>
        </p:sp>
      </p:grpSp>
      <p:grpSp>
        <p:nvGrpSpPr>
          <p:cNvPr id="20" name="Gruppe 19">
            <a:extLst>
              <a:ext uri="{FF2B5EF4-FFF2-40B4-BE49-F238E27FC236}">
                <a16:creationId xmlns:a16="http://schemas.microsoft.com/office/drawing/2014/main" id="{155E5273-8F67-444F-812C-D1AC27B1F07B}"/>
              </a:ext>
            </a:extLst>
          </p:cNvPr>
          <p:cNvGrpSpPr/>
          <p:nvPr/>
        </p:nvGrpSpPr>
        <p:grpSpPr>
          <a:xfrm>
            <a:off x="10130487" y="2768622"/>
            <a:ext cx="1706130" cy="1026204"/>
            <a:chOff x="98286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297BD6AD-6A27-447C-AEC7-9F3A42AC75D5}"/>
                </a:ext>
              </a:extLst>
            </p:cNvPr>
            <p:cNvSpPr/>
            <p:nvPr/>
          </p:nvSpPr>
          <p:spPr>
            <a:xfrm>
              <a:off x="98286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22" name="Tekstfelt 21">
              <a:extLst>
                <a:ext uri="{FF2B5EF4-FFF2-40B4-BE49-F238E27FC236}">
                  <a16:creationId xmlns:a16="http://schemas.microsoft.com/office/drawing/2014/main" id="{11C161B1-591D-4DB0-8F62-25D9AA3EB4EE}"/>
                </a:ext>
              </a:extLst>
            </p:cNvPr>
            <p:cNvSpPr txBox="1"/>
            <p:nvPr/>
          </p:nvSpPr>
          <p:spPr>
            <a:xfrm>
              <a:off x="9854984" y="3281724"/>
              <a:ext cx="1657350" cy="738664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5</a:t>
              </a:r>
            </a:p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Forankring 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8.10.2021</a:t>
              </a:r>
            </a:p>
          </p:txBody>
        </p:sp>
      </p:grp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E68BED3F-189B-409F-B875-3EAFA0C7B11D}"/>
              </a:ext>
            </a:extLst>
          </p:cNvPr>
          <p:cNvCxnSpPr>
            <a:cxnSpLocks/>
          </p:cNvCxnSpPr>
          <p:nvPr/>
        </p:nvCxnSpPr>
        <p:spPr>
          <a:xfrm flipH="1">
            <a:off x="9996307" y="1583202"/>
            <a:ext cx="578524" cy="779927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kstfelt 22">
            <a:extLst>
              <a:ext uri="{FF2B5EF4-FFF2-40B4-BE49-F238E27FC236}">
                <a16:creationId xmlns:a16="http://schemas.microsoft.com/office/drawing/2014/main" id="{CAEBFFC0-AF23-495D-81EE-440D2C6E916A}"/>
              </a:ext>
            </a:extLst>
          </p:cNvPr>
          <p:cNvSpPr txBox="1"/>
          <p:nvPr/>
        </p:nvSpPr>
        <p:spPr>
          <a:xfrm>
            <a:off x="9996307" y="1258568"/>
            <a:ext cx="1559293" cy="27699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da-DK" sz="1800" dirty="0"/>
              <a:t>Her er vi i dag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3BF1AA5F-6393-4FD5-8848-76B44B1F44A8}"/>
              </a:ext>
            </a:extLst>
          </p:cNvPr>
          <p:cNvSpPr/>
          <p:nvPr/>
        </p:nvSpPr>
        <p:spPr>
          <a:xfrm>
            <a:off x="3904991" y="4530076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BDB6FCCC-3A9D-40ED-84DA-6743DCBCB2C4}"/>
              </a:ext>
            </a:extLst>
          </p:cNvPr>
          <p:cNvSpPr/>
          <p:nvPr/>
        </p:nvSpPr>
        <p:spPr>
          <a:xfrm>
            <a:off x="4095002" y="517869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0D96F151-C91D-4C31-B1E2-1C140FEEBDBD}"/>
              </a:ext>
            </a:extLst>
          </p:cNvPr>
          <p:cNvSpPr/>
          <p:nvPr/>
        </p:nvSpPr>
        <p:spPr>
          <a:xfrm>
            <a:off x="4601409" y="5764040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C427EDFB-EAA0-4869-8209-834AB43A01E4}"/>
              </a:ext>
            </a:extLst>
          </p:cNvPr>
          <p:cNvSpPr/>
          <p:nvPr/>
        </p:nvSpPr>
        <p:spPr>
          <a:xfrm>
            <a:off x="5400293" y="5819411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9C4860B5-22AA-408C-A2F7-D7F5151C7408}"/>
              </a:ext>
            </a:extLst>
          </p:cNvPr>
          <p:cNvSpPr/>
          <p:nvPr/>
        </p:nvSpPr>
        <p:spPr>
          <a:xfrm>
            <a:off x="7187888" y="4095022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E0CDA5A-6FAD-4B97-8B4A-EC6C573A1B73}"/>
              </a:ext>
            </a:extLst>
          </p:cNvPr>
          <p:cNvSpPr/>
          <p:nvPr/>
        </p:nvSpPr>
        <p:spPr>
          <a:xfrm>
            <a:off x="7251490" y="331192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29F536F-100C-410E-8AB9-4F700B83A2F8}"/>
              </a:ext>
            </a:extLst>
          </p:cNvPr>
          <p:cNvSpPr/>
          <p:nvPr/>
        </p:nvSpPr>
        <p:spPr>
          <a:xfrm>
            <a:off x="7338822" y="2592114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</p:spTree>
    <p:extLst>
      <p:ext uri="{BB962C8B-B14F-4D97-AF65-F5344CB8AC3E}">
        <p14:creationId xmlns:p14="http://schemas.microsoft.com/office/powerpoint/2010/main" val="416708671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kstfelt 5">
            <a:extLst>
              <a:ext uri="{FF2B5EF4-FFF2-40B4-BE49-F238E27FC236}">
                <a16:creationId xmlns:a16="http://schemas.microsoft.com/office/drawing/2014/main" id="{5B6F4218-32A9-4ED5-9A4E-DC243A44E6C6}"/>
              </a:ext>
            </a:extLst>
          </p:cNvPr>
          <p:cNvSpPr txBox="1"/>
          <p:nvPr/>
        </p:nvSpPr>
        <p:spPr>
          <a:xfrm>
            <a:off x="633225" y="981569"/>
            <a:ext cx="722947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Netværket</a:t>
            </a:r>
          </a:p>
        </p:txBody>
      </p:sp>
      <p:sp>
        <p:nvSpPr>
          <p:cNvPr id="7" name="Kombinationstegning: figur 6">
            <a:extLst>
              <a:ext uri="{FF2B5EF4-FFF2-40B4-BE49-F238E27FC236}">
                <a16:creationId xmlns:a16="http://schemas.microsoft.com/office/drawing/2014/main" id="{91E19768-ED54-44C5-86B1-0D8C2D82B6D5}"/>
              </a:ext>
            </a:extLst>
          </p:cNvPr>
          <p:cNvSpPr/>
          <p:nvPr/>
        </p:nvSpPr>
        <p:spPr>
          <a:xfrm>
            <a:off x="0" y="1776169"/>
            <a:ext cx="12192000" cy="4217195"/>
          </a:xfrm>
          <a:custGeom>
            <a:avLst/>
            <a:gdLst>
              <a:gd name="connsiteX0" fmla="*/ 0 w 12192000"/>
              <a:gd name="connsiteY0" fmla="*/ 1132131 h 4217195"/>
              <a:gd name="connsiteX1" fmla="*/ 3136900 w 12192000"/>
              <a:gd name="connsiteY1" fmla="*/ 624131 h 4217195"/>
              <a:gd name="connsiteX2" fmla="*/ 4584700 w 12192000"/>
              <a:gd name="connsiteY2" fmla="*/ 4027731 h 4217195"/>
              <a:gd name="connsiteX3" fmla="*/ 7061200 w 12192000"/>
              <a:gd name="connsiteY3" fmla="*/ 3380031 h 4217195"/>
              <a:gd name="connsiteX4" fmla="*/ 8001000 w 12192000"/>
              <a:gd name="connsiteY4" fmla="*/ 14531 h 4217195"/>
              <a:gd name="connsiteX5" fmla="*/ 12192000 w 12192000"/>
              <a:gd name="connsiteY5" fmla="*/ 2389431 h 42171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4217195">
                <a:moveTo>
                  <a:pt x="0" y="1132131"/>
                </a:moveTo>
                <a:cubicBezTo>
                  <a:pt x="1186391" y="636831"/>
                  <a:pt x="2372783" y="141531"/>
                  <a:pt x="3136900" y="624131"/>
                </a:cubicBezTo>
                <a:cubicBezTo>
                  <a:pt x="3901017" y="1106731"/>
                  <a:pt x="3930650" y="3568414"/>
                  <a:pt x="4584700" y="4027731"/>
                </a:cubicBezTo>
                <a:cubicBezTo>
                  <a:pt x="5238750" y="4487048"/>
                  <a:pt x="6491817" y="4048898"/>
                  <a:pt x="7061200" y="3380031"/>
                </a:cubicBezTo>
                <a:cubicBezTo>
                  <a:pt x="7630583" y="2711164"/>
                  <a:pt x="7145867" y="179631"/>
                  <a:pt x="8001000" y="14531"/>
                </a:cubicBezTo>
                <a:cubicBezTo>
                  <a:pt x="8856133" y="-150569"/>
                  <a:pt x="10524066" y="1119431"/>
                  <a:pt x="12192000" y="2389431"/>
                </a:cubicBezTo>
              </a:path>
            </a:pathLst>
          </a:cu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8" name="Gruppe 7">
            <a:extLst>
              <a:ext uri="{FF2B5EF4-FFF2-40B4-BE49-F238E27FC236}">
                <a16:creationId xmlns:a16="http://schemas.microsoft.com/office/drawing/2014/main" id="{704673CE-B796-4D64-84B0-3440FDB2FE4F}"/>
              </a:ext>
            </a:extLst>
          </p:cNvPr>
          <p:cNvGrpSpPr/>
          <p:nvPr/>
        </p:nvGrpSpPr>
        <p:grpSpPr>
          <a:xfrm>
            <a:off x="252230" y="2091248"/>
            <a:ext cx="1706130" cy="1026204"/>
            <a:chOff x="7227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A4E38BE-D6DE-43C1-859C-CF0E9ED62E09}"/>
                </a:ext>
              </a:extLst>
            </p:cNvPr>
            <p:cNvSpPr/>
            <p:nvPr/>
          </p:nvSpPr>
          <p:spPr>
            <a:xfrm>
              <a:off x="7227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0" name="Tekstfelt 9">
              <a:extLst>
                <a:ext uri="{FF2B5EF4-FFF2-40B4-BE49-F238E27FC236}">
                  <a16:creationId xmlns:a16="http://schemas.microsoft.com/office/drawing/2014/main" id="{F5A7C205-E991-4F65-A192-B4B705902DA7}"/>
                </a:ext>
              </a:extLst>
            </p:cNvPr>
            <p:cNvSpPr txBox="1"/>
            <p:nvPr/>
          </p:nvSpPr>
          <p:spPr>
            <a:xfrm>
              <a:off x="739597" y="3278833"/>
              <a:ext cx="1669257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1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Kortlægning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5.2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1" name="Gruppe 10">
            <a:extLst>
              <a:ext uri="{FF2B5EF4-FFF2-40B4-BE49-F238E27FC236}">
                <a16:creationId xmlns:a16="http://schemas.microsoft.com/office/drawing/2014/main" id="{E6C3DDE0-927E-4506-B0D9-C2A17D0C2363}"/>
              </a:ext>
            </a:extLst>
          </p:cNvPr>
          <p:cNvGrpSpPr/>
          <p:nvPr/>
        </p:nvGrpSpPr>
        <p:grpSpPr>
          <a:xfrm>
            <a:off x="2999221" y="3351554"/>
            <a:ext cx="1706130" cy="1026204"/>
            <a:chOff x="299922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2" name="Rektangel 11">
              <a:extLst>
                <a:ext uri="{FF2B5EF4-FFF2-40B4-BE49-F238E27FC236}">
                  <a16:creationId xmlns:a16="http://schemas.microsoft.com/office/drawing/2014/main" id="{C63F4098-6BFB-4F29-B46C-DCD44632F93B}"/>
                </a:ext>
              </a:extLst>
            </p:cNvPr>
            <p:cNvSpPr/>
            <p:nvPr/>
          </p:nvSpPr>
          <p:spPr>
            <a:xfrm>
              <a:off x="299922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3" name="Tekstfelt 12">
              <a:extLst>
                <a:ext uri="{FF2B5EF4-FFF2-40B4-BE49-F238E27FC236}">
                  <a16:creationId xmlns:a16="http://schemas.microsoft.com/office/drawing/2014/main" id="{952C401D-7859-4350-82D8-D70D22E2D937}"/>
                </a:ext>
              </a:extLst>
            </p:cNvPr>
            <p:cNvSpPr txBox="1"/>
            <p:nvPr/>
          </p:nvSpPr>
          <p:spPr>
            <a:xfrm>
              <a:off x="3025991" y="3289539"/>
              <a:ext cx="1652589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2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Fokus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9.4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4A47BBE2-6584-4BA6-B43C-DDF48B651535}"/>
              </a:ext>
            </a:extLst>
          </p:cNvPr>
          <p:cNvGrpSpPr/>
          <p:nvPr/>
        </p:nvGrpSpPr>
        <p:grpSpPr>
          <a:xfrm>
            <a:off x="5968155" y="4602134"/>
            <a:ext cx="1706130" cy="1026204"/>
            <a:chOff x="527569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4AE8FC75-6658-4117-8799-57F86240E907}"/>
                </a:ext>
              </a:extLst>
            </p:cNvPr>
            <p:cNvSpPr/>
            <p:nvPr/>
          </p:nvSpPr>
          <p:spPr>
            <a:xfrm>
              <a:off x="527569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6" name="Tekstfelt 15">
              <a:extLst>
                <a:ext uri="{FF2B5EF4-FFF2-40B4-BE49-F238E27FC236}">
                  <a16:creationId xmlns:a16="http://schemas.microsoft.com/office/drawing/2014/main" id="{D1961386-A9DE-4D84-BA3D-B1E0A454E624}"/>
                </a:ext>
              </a:extLst>
            </p:cNvPr>
            <p:cNvSpPr txBox="1"/>
            <p:nvPr/>
          </p:nvSpPr>
          <p:spPr>
            <a:xfrm>
              <a:off x="5294004" y="3292685"/>
              <a:ext cx="1666876" cy="830997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3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Ny </a:t>
              </a:r>
              <a:r>
                <a:rPr lang="da-DK" sz="1800" dirty="0" err="1">
                  <a:solidFill>
                    <a:schemeClr val="bg1"/>
                  </a:solidFill>
                </a:rPr>
                <a:t>testproced</a:t>
              </a:r>
              <a:r>
                <a:rPr lang="da-DK" sz="1800" dirty="0">
                  <a:solidFill>
                    <a:schemeClr val="bg1"/>
                  </a:solidFill>
                </a:rPr>
                <a:t>.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18.9.2020</a:t>
              </a:r>
            </a:p>
          </p:txBody>
        </p:sp>
      </p:grpSp>
      <p:grpSp>
        <p:nvGrpSpPr>
          <p:cNvPr id="17" name="Gruppe 16">
            <a:extLst>
              <a:ext uri="{FF2B5EF4-FFF2-40B4-BE49-F238E27FC236}">
                <a16:creationId xmlns:a16="http://schemas.microsoft.com/office/drawing/2014/main" id="{AD40C94E-6D88-42EA-BC7E-1A2F2077D752}"/>
              </a:ext>
            </a:extLst>
          </p:cNvPr>
          <p:cNvGrpSpPr/>
          <p:nvPr/>
        </p:nvGrpSpPr>
        <p:grpSpPr>
          <a:xfrm>
            <a:off x="7404167" y="847249"/>
            <a:ext cx="1948617" cy="1182887"/>
            <a:chOff x="755217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8" name="Rektangel 17">
              <a:extLst>
                <a:ext uri="{FF2B5EF4-FFF2-40B4-BE49-F238E27FC236}">
                  <a16:creationId xmlns:a16="http://schemas.microsoft.com/office/drawing/2014/main" id="{A07BEF8E-D52B-4485-B271-DC2F7590B22A}"/>
                </a:ext>
              </a:extLst>
            </p:cNvPr>
            <p:cNvSpPr/>
            <p:nvPr/>
          </p:nvSpPr>
          <p:spPr>
            <a:xfrm>
              <a:off x="755217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398F8D06-9A09-49D2-91BA-3D4E28D79425}"/>
                </a:ext>
              </a:extLst>
            </p:cNvPr>
            <p:cNvSpPr txBox="1"/>
            <p:nvPr/>
          </p:nvSpPr>
          <p:spPr>
            <a:xfrm>
              <a:off x="7594708" y="3266218"/>
              <a:ext cx="1624012" cy="787387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4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Revidering af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Vejledning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15.4.2021</a:t>
              </a:r>
            </a:p>
          </p:txBody>
        </p:sp>
      </p:grpSp>
      <p:grpSp>
        <p:nvGrpSpPr>
          <p:cNvPr id="20" name="Gruppe 19">
            <a:extLst>
              <a:ext uri="{FF2B5EF4-FFF2-40B4-BE49-F238E27FC236}">
                <a16:creationId xmlns:a16="http://schemas.microsoft.com/office/drawing/2014/main" id="{155E5273-8F67-444F-812C-D1AC27B1F07B}"/>
              </a:ext>
            </a:extLst>
          </p:cNvPr>
          <p:cNvGrpSpPr/>
          <p:nvPr/>
        </p:nvGrpSpPr>
        <p:grpSpPr>
          <a:xfrm>
            <a:off x="10130487" y="2768622"/>
            <a:ext cx="1706130" cy="1026204"/>
            <a:chOff x="98286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297BD6AD-6A27-447C-AEC7-9F3A42AC75D5}"/>
                </a:ext>
              </a:extLst>
            </p:cNvPr>
            <p:cNvSpPr/>
            <p:nvPr/>
          </p:nvSpPr>
          <p:spPr>
            <a:xfrm>
              <a:off x="98286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22" name="Tekstfelt 21">
              <a:extLst>
                <a:ext uri="{FF2B5EF4-FFF2-40B4-BE49-F238E27FC236}">
                  <a16:creationId xmlns:a16="http://schemas.microsoft.com/office/drawing/2014/main" id="{11C161B1-591D-4DB0-8F62-25D9AA3EB4EE}"/>
                </a:ext>
              </a:extLst>
            </p:cNvPr>
            <p:cNvSpPr txBox="1"/>
            <p:nvPr/>
          </p:nvSpPr>
          <p:spPr>
            <a:xfrm>
              <a:off x="9854984" y="3281724"/>
              <a:ext cx="1657350" cy="738664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5</a:t>
              </a:r>
            </a:p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Forankring 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8.10.2021</a:t>
              </a:r>
            </a:p>
          </p:txBody>
        </p:sp>
      </p:grp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E68BED3F-189B-409F-B875-3EAFA0C7B11D}"/>
              </a:ext>
            </a:extLst>
          </p:cNvPr>
          <p:cNvCxnSpPr>
            <a:cxnSpLocks/>
          </p:cNvCxnSpPr>
          <p:nvPr/>
        </p:nvCxnSpPr>
        <p:spPr>
          <a:xfrm flipH="1">
            <a:off x="9996307" y="1583202"/>
            <a:ext cx="578524" cy="779927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kstfelt 22">
            <a:extLst>
              <a:ext uri="{FF2B5EF4-FFF2-40B4-BE49-F238E27FC236}">
                <a16:creationId xmlns:a16="http://schemas.microsoft.com/office/drawing/2014/main" id="{CAEBFFC0-AF23-495D-81EE-440D2C6E916A}"/>
              </a:ext>
            </a:extLst>
          </p:cNvPr>
          <p:cNvSpPr txBox="1"/>
          <p:nvPr/>
        </p:nvSpPr>
        <p:spPr>
          <a:xfrm>
            <a:off x="9996307" y="1258568"/>
            <a:ext cx="1559293" cy="27699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da-DK" sz="1800" dirty="0"/>
              <a:t>Her er vi i dag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3BF1AA5F-6393-4FD5-8848-76B44B1F44A8}"/>
              </a:ext>
            </a:extLst>
          </p:cNvPr>
          <p:cNvSpPr/>
          <p:nvPr/>
        </p:nvSpPr>
        <p:spPr>
          <a:xfrm>
            <a:off x="3904991" y="4530076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BDB6FCCC-3A9D-40ED-84DA-6743DCBCB2C4}"/>
              </a:ext>
            </a:extLst>
          </p:cNvPr>
          <p:cNvSpPr/>
          <p:nvPr/>
        </p:nvSpPr>
        <p:spPr>
          <a:xfrm>
            <a:off x="4095002" y="517869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0D96F151-C91D-4C31-B1E2-1C140FEEBDBD}"/>
              </a:ext>
            </a:extLst>
          </p:cNvPr>
          <p:cNvSpPr/>
          <p:nvPr/>
        </p:nvSpPr>
        <p:spPr>
          <a:xfrm>
            <a:off x="4601409" y="5764040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C427EDFB-EAA0-4869-8209-834AB43A01E4}"/>
              </a:ext>
            </a:extLst>
          </p:cNvPr>
          <p:cNvSpPr/>
          <p:nvPr/>
        </p:nvSpPr>
        <p:spPr>
          <a:xfrm>
            <a:off x="5400293" y="5819411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9C4860B5-22AA-408C-A2F7-D7F5151C7408}"/>
              </a:ext>
            </a:extLst>
          </p:cNvPr>
          <p:cNvSpPr/>
          <p:nvPr/>
        </p:nvSpPr>
        <p:spPr>
          <a:xfrm>
            <a:off x="7187888" y="4095022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E0CDA5A-6FAD-4B97-8B4A-EC6C573A1B73}"/>
              </a:ext>
            </a:extLst>
          </p:cNvPr>
          <p:cNvSpPr/>
          <p:nvPr/>
        </p:nvSpPr>
        <p:spPr>
          <a:xfrm>
            <a:off x="7251490" y="331192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29F536F-100C-410E-8AB9-4F700B83A2F8}"/>
              </a:ext>
            </a:extLst>
          </p:cNvPr>
          <p:cNvSpPr/>
          <p:nvPr/>
        </p:nvSpPr>
        <p:spPr>
          <a:xfrm>
            <a:off x="7338822" y="2592114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74DE40FA-EC22-489F-A42F-4EFCBADCB5D0}"/>
              </a:ext>
            </a:extLst>
          </p:cNvPr>
          <p:cNvSpPr/>
          <p:nvPr/>
        </p:nvSpPr>
        <p:spPr>
          <a:xfrm>
            <a:off x="4906763" y="8389"/>
            <a:ext cx="7282061" cy="6857999"/>
          </a:xfrm>
          <a:prstGeom prst="rect">
            <a:avLst/>
          </a:prstGeom>
          <a:solidFill>
            <a:schemeClr val="bg2">
              <a:lumMod val="75000"/>
              <a:alpha val="77000"/>
            </a:schemeClr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05621968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kstfelt 5">
            <a:extLst>
              <a:ext uri="{FF2B5EF4-FFF2-40B4-BE49-F238E27FC236}">
                <a16:creationId xmlns:a16="http://schemas.microsoft.com/office/drawing/2014/main" id="{5B6F4218-32A9-4ED5-9A4E-DC243A44E6C6}"/>
              </a:ext>
            </a:extLst>
          </p:cNvPr>
          <p:cNvSpPr txBox="1"/>
          <p:nvPr/>
        </p:nvSpPr>
        <p:spPr>
          <a:xfrm>
            <a:off x="633225" y="981569"/>
            <a:ext cx="722947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Netværket</a:t>
            </a:r>
          </a:p>
        </p:txBody>
      </p:sp>
      <p:sp>
        <p:nvSpPr>
          <p:cNvPr id="7" name="Kombinationstegning: figur 6">
            <a:extLst>
              <a:ext uri="{FF2B5EF4-FFF2-40B4-BE49-F238E27FC236}">
                <a16:creationId xmlns:a16="http://schemas.microsoft.com/office/drawing/2014/main" id="{91E19768-ED54-44C5-86B1-0D8C2D82B6D5}"/>
              </a:ext>
            </a:extLst>
          </p:cNvPr>
          <p:cNvSpPr/>
          <p:nvPr/>
        </p:nvSpPr>
        <p:spPr>
          <a:xfrm>
            <a:off x="0" y="1776169"/>
            <a:ext cx="12192000" cy="4217195"/>
          </a:xfrm>
          <a:custGeom>
            <a:avLst/>
            <a:gdLst>
              <a:gd name="connsiteX0" fmla="*/ 0 w 12192000"/>
              <a:gd name="connsiteY0" fmla="*/ 1132131 h 4217195"/>
              <a:gd name="connsiteX1" fmla="*/ 3136900 w 12192000"/>
              <a:gd name="connsiteY1" fmla="*/ 624131 h 4217195"/>
              <a:gd name="connsiteX2" fmla="*/ 4584700 w 12192000"/>
              <a:gd name="connsiteY2" fmla="*/ 4027731 h 4217195"/>
              <a:gd name="connsiteX3" fmla="*/ 7061200 w 12192000"/>
              <a:gd name="connsiteY3" fmla="*/ 3380031 h 4217195"/>
              <a:gd name="connsiteX4" fmla="*/ 8001000 w 12192000"/>
              <a:gd name="connsiteY4" fmla="*/ 14531 h 4217195"/>
              <a:gd name="connsiteX5" fmla="*/ 12192000 w 12192000"/>
              <a:gd name="connsiteY5" fmla="*/ 2389431 h 42171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4217195">
                <a:moveTo>
                  <a:pt x="0" y="1132131"/>
                </a:moveTo>
                <a:cubicBezTo>
                  <a:pt x="1186391" y="636831"/>
                  <a:pt x="2372783" y="141531"/>
                  <a:pt x="3136900" y="624131"/>
                </a:cubicBezTo>
                <a:cubicBezTo>
                  <a:pt x="3901017" y="1106731"/>
                  <a:pt x="3930650" y="3568414"/>
                  <a:pt x="4584700" y="4027731"/>
                </a:cubicBezTo>
                <a:cubicBezTo>
                  <a:pt x="5238750" y="4487048"/>
                  <a:pt x="6491817" y="4048898"/>
                  <a:pt x="7061200" y="3380031"/>
                </a:cubicBezTo>
                <a:cubicBezTo>
                  <a:pt x="7630583" y="2711164"/>
                  <a:pt x="7145867" y="179631"/>
                  <a:pt x="8001000" y="14531"/>
                </a:cubicBezTo>
                <a:cubicBezTo>
                  <a:pt x="8856133" y="-150569"/>
                  <a:pt x="10524066" y="1119431"/>
                  <a:pt x="12192000" y="2389431"/>
                </a:cubicBezTo>
              </a:path>
            </a:pathLst>
          </a:cu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8" name="Gruppe 7">
            <a:extLst>
              <a:ext uri="{FF2B5EF4-FFF2-40B4-BE49-F238E27FC236}">
                <a16:creationId xmlns:a16="http://schemas.microsoft.com/office/drawing/2014/main" id="{704673CE-B796-4D64-84B0-3440FDB2FE4F}"/>
              </a:ext>
            </a:extLst>
          </p:cNvPr>
          <p:cNvGrpSpPr/>
          <p:nvPr/>
        </p:nvGrpSpPr>
        <p:grpSpPr>
          <a:xfrm>
            <a:off x="252230" y="2091248"/>
            <a:ext cx="1706130" cy="1026204"/>
            <a:chOff x="7227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A4E38BE-D6DE-43C1-859C-CF0E9ED62E09}"/>
                </a:ext>
              </a:extLst>
            </p:cNvPr>
            <p:cNvSpPr/>
            <p:nvPr/>
          </p:nvSpPr>
          <p:spPr>
            <a:xfrm>
              <a:off x="7227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0" name="Tekstfelt 9">
              <a:extLst>
                <a:ext uri="{FF2B5EF4-FFF2-40B4-BE49-F238E27FC236}">
                  <a16:creationId xmlns:a16="http://schemas.microsoft.com/office/drawing/2014/main" id="{F5A7C205-E991-4F65-A192-B4B705902DA7}"/>
                </a:ext>
              </a:extLst>
            </p:cNvPr>
            <p:cNvSpPr txBox="1"/>
            <p:nvPr/>
          </p:nvSpPr>
          <p:spPr>
            <a:xfrm>
              <a:off x="739597" y="3278833"/>
              <a:ext cx="1669257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1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Kortlægning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5.2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1" name="Gruppe 10">
            <a:extLst>
              <a:ext uri="{FF2B5EF4-FFF2-40B4-BE49-F238E27FC236}">
                <a16:creationId xmlns:a16="http://schemas.microsoft.com/office/drawing/2014/main" id="{E6C3DDE0-927E-4506-B0D9-C2A17D0C2363}"/>
              </a:ext>
            </a:extLst>
          </p:cNvPr>
          <p:cNvGrpSpPr/>
          <p:nvPr/>
        </p:nvGrpSpPr>
        <p:grpSpPr>
          <a:xfrm>
            <a:off x="2999221" y="3351554"/>
            <a:ext cx="1706130" cy="1026204"/>
            <a:chOff x="299922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2" name="Rektangel 11">
              <a:extLst>
                <a:ext uri="{FF2B5EF4-FFF2-40B4-BE49-F238E27FC236}">
                  <a16:creationId xmlns:a16="http://schemas.microsoft.com/office/drawing/2014/main" id="{C63F4098-6BFB-4F29-B46C-DCD44632F93B}"/>
                </a:ext>
              </a:extLst>
            </p:cNvPr>
            <p:cNvSpPr/>
            <p:nvPr/>
          </p:nvSpPr>
          <p:spPr>
            <a:xfrm>
              <a:off x="299922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3" name="Tekstfelt 12">
              <a:extLst>
                <a:ext uri="{FF2B5EF4-FFF2-40B4-BE49-F238E27FC236}">
                  <a16:creationId xmlns:a16="http://schemas.microsoft.com/office/drawing/2014/main" id="{952C401D-7859-4350-82D8-D70D22E2D937}"/>
                </a:ext>
              </a:extLst>
            </p:cNvPr>
            <p:cNvSpPr txBox="1"/>
            <p:nvPr/>
          </p:nvSpPr>
          <p:spPr>
            <a:xfrm>
              <a:off x="3025991" y="3289539"/>
              <a:ext cx="1652589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2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Fokus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9.4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4A47BBE2-6584-4BA6-B43C-DDF48B651535}"/>
              </a:ext>
            </a:extLst>
          </p:cNvPr>
          <p:cNvGrpSpPr/>
          <p:nvPr/>
        </p:nvGrpSpPr>
        <p:grpSpPr>
          <a:xfrm>
            <a:off x="5968155" y="4602134"/>
            <a:ext cx="1706130" cy="1026204"/>
            <a:chOff x="527569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4AE8FC75-6658-4117-8799-57F86240E907}"/>
                </a:ext>
              </a:extLst>
            </p:cNvPr>
            <p:cNvSpPr/>
            <p:nvPr/>
          </p:nvSpPr>
          <p:spPr>
            <a:xfrm>
              <a:off x="527569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6" name="Tekstfelt 15">
              <a:extLst>
                <a:ext uri="{FF2B5EF4-FFF2-40B4-BE49-F238E27FC236}">
                  <a16:creationId xmlns:a16="http://schemas.microsoft.com/office/drawing/2014/main" id="{D1961386-A9DE-4D84-BA3D-B1E0A454E624}"/>
                </a:ext>
              </a:extLst>
            </p:cNvPr>
            <p:cNvSpPr txBox="1"/>
            <p:nvPr/>
          </p:nvSpPr>
          <p:spPr>
            <a:xfrm>
              <a:off x="5294004" y="3292685"/>
              <a:ext cx="1666876" cy="830997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3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Ny </a:t>
              </a:r>
              <a:r>
                <a:rPr lang="da-DK" sz="1800" dirty="0" err="1">
                  <a:solidFill>
                    <a:schemeClr val="bg1"/>
                  </a:solidFill>
                </a:rPr>
                <a:t>testproced</a:t>
              </a:r>
              <a:r>
                <a:rPr lang="da-DK" sz="1800" dirty="0">
                  <a:solidFill>
                    <a:schemeClr val="bg1"/>
                  </a:solidFill>
                </a:rPr>
                <a:t>.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18.9.2020</a:t>
              </a:r>
            </a:p>
          </p:txBody>
        </p:sp>
      </p:grpSp>
      <p:grpSp>
        <p:nvGrpSpPr>
          <p:cNvPr id="17" name="Gruppe 16">
            <a:extLst>
              <a:ext uri="{FF2B5EF4-FFF2-40B4-BE49-F238E27FC236}">
                <a16:creationId xmlns:a16="http://schemas.microsoft.com/office/drawing/2014/main" id="{AD40C94E-6D88-42EA-BC7E-1A2F2077D752}"/>
              </a:ext>
            </a:extLst>
          </p:cNvPr>
          <p:cNvGrpSpPr/>
          <p:nvPr/>
        </p:nvGrpSpPr>
        <p:grpSpPr>
          <a:xfrm>
            <a:off x="7404167" y="847249"/>
            <a:ext cx="1948617" cy="1182887"/>
            <a:chOff x="755217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8" name="Rektangel 17">
              <a:extLst>
                <a:ext uri="{FF2B5EF4-FFF2-40B4-BE49-F238E27FC236}">
                  <a16:creationId xmlns:a16="http://schemas.microsoft.com/office/drawing/2014/main" id="{A07BEF8E-D52B-4485-B271-DC2F7590B22A}"/>
                </a:ext>
              </a:extLst>
            </p:cNvPr>
            <p:cNvSpPr/>
            <p:nvPr/>
          </p:nvSpPr>
          <p:spPr>
            <a:xfrm>
              <a:off x="755217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398F8D06-9A09-49D2-91BA-3D4E28D79425}"/>
                </a:ext>
              </a:extLst>
            </p:cNvPr>
            <p:cNvSpPr txBox="1"/>
            <p:nvPr/>
          </p:nvSpPr>
          <p:spPr>
            <a:xfrm>
              <a:off x="7594708" y="3266218"/>
              <a:ext cx="1624012" cy="787387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4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Revidering af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Vejledning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15.4.2021</a:t>
              </a:r>
            </a:p>
          </p:txBody>
        </p:sp>
      </p:grpSp>
      <p:grpSp>
        <p:nvGrpSpPr>
          <p:cNvPr id="20" name="Gruppe 19">
            <a:extLst>
              <a:ext uri="{FF2B5EF4-FFF2-40B4-BE49-F238E27FC236}">
                <a16:creationId xmlns:a16="http://schemas.microsoft.com/office/drawing/2014/main" id="{155E5273-8F67-444F-812C-D1AC27B1F07B}"/>
              </a:ext>
            </a:extLst>
          </p:cNvPr>
          <p:cNvGrpSpPr/>
          <p:nvPr/>
        </p:nvGrpSpPr>
        <p:grpSpPr>
          <a:xfrm>
            <a:off x="10130487" y="2768622"/>
            <a:ext cx="1706130" cy="1026204"/>
            <a:chOff x="98286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297BD6AD-6A27-447C-AEC7-9F3A42AC75D5}"/>
                </a:ext>
              </a:extLst>
            </p:cNvPr>
            <p:cNvSpPr/>
            <p:nvPr/>
          </p:nvSpPr>
          <p:spPr>
            <a:xfrm>
              <a:off x="98286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22" name="Tekstfelt 21">
              <a:extLst>
                <a:ext uri="{FF2B5EF4-FFF2-40B4-BE49-F238E27FC236}">
                  <a16:creationId xmlns:a16="http://schemas.microsoft.com/office/drawing/2014/main" id="{11C161B1-591D-4DB0-8F62-25D9AA3EB4EE}"/>
                </a:ext>
              </a:extLst>
            </p:cNvPr>
            <p:cNvSpPr txBox="1"/>
            <p:nvPr/>
          </p:nvSpPr>
          <p:spPr>
            <a:xfrm>
              <a:off x="9854984" y="3281724"/>
              <a:ext cx="1657350" cy="738664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5</a:t>
              </a:r>
            </a:p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Forankring 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8.10.2021</a:t>
              </a:r>
            </a:p>
          </p:txBody>
        </p:sp>
      </p:grp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E68BED3F-189B-409F-B875-3EAFA0C7B11D}"/>
              </a:ext>
            </a:extLst>
          </p:cNvPr>
          <p:cNvCxnSpPr>
            <a:cxnSpLocks/>
          </p:cNvCxnSpPr>
          <p:nvPr/>
        </p:nvCxnSpPr>
        <p:spPr>
          <a:xfrm flipH="1">
            <a:off x="9996307" y="1583202"/>
            <a:ext cx="578524" cy="779927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kstfelt 22">
            <a:extLst>
              <a:ext uri="{FF2B5EF4-FFF2-40B4-BE49-F238E27FC236}">
                <a16:creationId xmlns:a16="http://schemas.microsoft.com/office/drawing/2014/main" id="{CAEBFFC0-AF23-495D-81EE-440D2C6E916A}"/>
              </a:ext>
            </a:extLst>
          </p:cNvPr>
          <p:cNvSpPr txBox="1"/>
          <p:nvPr/>
        </p:nvSpPr>
        <p:spPr>
          <a:xfrm>
            <a:off x="9996307" y="1258568"/>
            <a:ext cx="1559293" cy="27699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da-DK" sz="1800" dirty="0"/>
              <a:t>Her er vi i dag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3BF1AA5F-6393-4FD5-8848-76B44B1F44A8}"/>
              </a:ext>
            </a:extLst>
          </p:cNvPr>
          <p:cNvSpPr/>
          <p:nvPr/>
        </p:nvSpPr>
        <p:spPr>
          <a:xfrm>
            <a:off x="3904991" y="4530076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BDB6FCCC-3A9D-40ED-84DA-6743DCBCB2C4}"/>
              </a:ext>
            </a:extLst>
          </p:cNvPr>
          <p:cNvSpPr/>
          <p:nvPr/>
        </p:nvSpPr>
        <p:spPr>
          <a:xfrm>
            <a:off x="4095002" y="517869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0D96F151-C91D-4C31-B1E2-1C140FEEBDBD}"/>
              </a:ext>
            </a:extLst>
          </p:cNvPr>
          <p:cNvSpPr/>
          <p:nvPr/>
        </p:nvSpPr>
        <p:spPr>
          <a:xfrm>
            <a:off x="4601409" y="5764040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C427EDFB-EAA0-4869-8209-834AB43A01E4}"/>
              </a:ext>
            </a:extLst>
          </p:cNvPr>
          <p:cNvSpPr/>
          <p:nvPr/>
        </p:nvSpPr>
        <p:spPr>
          <a:xfrm>
            <a:off x="5400293" y="5819411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9C4860B5-22AA-408C-A2F7-D7F5151C7408}"/>
              </a:ext>
            </a:extLst>
          </p:cNvPr>
          <p:cNvSpPr/>
          <p:nvPr/>
        </p:nvSpPr>
        <p:spPr>
          <a:xfrm>
            <a:off x="7187888" y="4095022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E0CDA5A-6FAD-4B97-8B4A-EC6C573A1B73}"/>
              </a:ext>
            </a:extLst>
          </p:cNvPr>
          <p:cNvSpPr/>
          <p:nvPr/>
        </p:nvSpPr>
        <p:spPr>
          <a:xfrm>
            <a:off x="7251490" y="331192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29F536F-100C-410E-8AB9-4F700B83A2F8}"/>
              </a:ext>
            </a:extLst>
          </p:cNvPr>
          <p:cNvSpPr/>
          <p:nvPr/>
        </p:nvSpPr>
        <p:spPr>
          <a:xfrm>
            <a:off x="7338822" y="2592114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pic>
        <p:nvPicPr>
          <p:cNvPr id="31" name="Picture 30">
            <a:extLst>
              <a:ext uri="{FF2B5EF4-FFF2-40B4-BE49-F238E27FC236}">
                <a16:creationId xmlns:a16="http://schemas.microsoft.com/office/drawing/2014/main" id="{F4856BD8-6EC3-4BFF-88CA-42F2DB54003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574276" y="2744777"/>
            <a:ext cx="7048383" cy="3964715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77C417F2-E831-48E1-83B9-2115BDB4F17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36075" y="520553"/>
            <a:ext cx="4616709" cy="25968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23253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kstfelt 5">
            <a:extLst>
              <a:ext uri="{FF2B5EF4-FFF2-40B4-BE49-F238E27FC236}">
                <a16:creationId xmlns:a16="http://schemas.microsoft.com/office/drawing/2014/main" id="{5B6F4218-32A9-4ED5-9A4E-DC243A44E6C6}"/>
              </a:ext>
            </a:extLst>
          </p:cNvPr>
          <p:cNvSpPr txBox="1"/>
          <p:nvPr/>
        </p:nvSpPr>
        <p:spPr>
          <a:xfrm>
            <a:off x="633225" y="981569"/>
            <a:ext cx="722947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Netværket</a:t>
            </a:r>
          </a:p>
        </p:txBody>
      </p:sp>
      <p:sp>
        <p:nvSpPr>
          <p:cNvPr id="7" name="Kombinationstegning: figur 6">
            <a:extLst>
              <a:ext uri="{FF2B5EF4-FFF2-40B4-BE49-F238E27FC236}">
                <a16:creationId xmlns:a16="http://schemas.microsoft.com/office/drawing/2014/main" id="{91E19768-ED54-44C5-86B1-0D8C2D82B6D5}"/>
              </a:ext>
            </a:extLst>
          </p:cNvPr>
          <p:cNvSpPr/>
          <p:nvPr/>
        </p:nvSpPr>
        <p:spPr>
          <a:xfrm>
            <a:off x="0" y="1776169"/>
            <a:ext cx="12192000" cy="4217195"/>
          </a:xfrm>
          <a:custGeom>
            <a:avLst/>
            <a:gdLst>
              <a:gd name="connsiteX0" fmla="*/ 0 w 12192000"/>
              <a:gd name="connsiteY0" fmla="*/ 1132131 h 4217195"/>
              <a:gd name="connsiteX1" fmla="*/ 3136900 w 12192000"/>
              <a:gd name="connsiteY1" fmla="*/ 624131 h 4217195"/>
              <a:gd name="connsiteX2" fmla="*/ 4584700 w 12192000"/>
              <a:gd name="connsiteY2" fmla="*/ 4027731 h 4217195"/>
              <a:gd name="connsiteX3" fmla="*/ 7061200 w 12192000"/>
              <a:gd name="connsiteY3" fmla="*/ 3380031 h 4217195"/>
              <a:gd name="connsiteX4" fmla="*/ 8001000 w 12192000"/>
              <a:gd name="connsiteY4" fmla="*/ 14531 h 4217195"/>
              <a:gd name="connsiteX5" fmla="*/ 12192000 w 12192000"/>
              <a:gd name="connsiteY5" fmla="*/ 2389431 h 42171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4217195">
                <a:moveTo>
                  <a:pt x="0" y="1132131"/>
                </a:moveTo>
                <a:cubicBezTo>
                  <a:pt x="1186391" y="636831"/>
                  <a:pt x="2372783" y="141531"/>
                  <a:pt x="3136900" y="624131"/>
                </a:cubicBezTo>
                <a:cubicBezTo>
                  <a:pt x="3901017" y="1106731"/>
                  <a:pt x="3930650" y="3568414"/>
                  <a:pt x="4584700" y="4027731"/>
                </a:cubicBezTo>
                <a:cubicBezTo>
                  <a:pt x="5238750" y="4487048"/>
                  <a:pt x="6491817" y="4048898"/>
                  <a:pt x="7061200" y="3380031"/>
                </a:cubicBezTo>
                <a:cubicBezTo>
                  <a:pt x="7630583" y="2711164"/>
                  <a:pt x="7145867" y="179631"/>
                  <a:pt x="8001000" y="14531"/>
                </a:cubicBezTo>
                <a:cubicBezTo>
                  <a:pt x="8856133" y="-150569"/>
                  <a:pt x="10524066" y="1119431"/>
                  <a:pt x="12192000" y="2389431"/>
                </a:cubicBezTo>
              </a:path>
            </a:pathLst>
          </a:cu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8" name="Gruppe 7">
            <a:extLst>
              <a:ext uri="{FF2B5EF4-FFF2-40B4-BE49-F238E27FC236}">
                <a16:creationId xmlns:a16="http://schemas.microsoft.com/office/drawing/2014/main" id="{704673CE-B796-4D64-84B0-3440FDB2FE4F}"/>
              </a:ext>
            </a:extLst>
          </p:cNvPr>
          <p:cNvGrpSpPr/>
          <p:nvPr/>
        </p:nvGrpSpPr>
        <p:grpSpPr>
          <a:xfrm>
            <a:off x="252230" y="2091248"/>
            <a:ext cx="1706130" cy="1026204"/>
            <a:chOff x="7227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A4E38BE-D6DE-43C1-859C-CF0E9ED62E09}"/>
                </a:ext>
              </a:extLst>
            </p:cNvPr>
            <p:cNvSpPr/>
            <p:nvPr/>
          </p:nvSpPr>
          <p:spPr>
            <a:xfrm>
              <a:off x="7227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0" name="Tekstfelt 9">
              <a:extLst>
                <a:ext uri="{FF2B5EF4-FFF2-40B4-BE49-F238E27FC236}">
                  <a16:creationId xmlns:a16="http://schemas.microsoft.com/office/drawing/2014/main" id="{F5A7C205-E991-4F65-A192-B4B705902DA7}"/>
                </a:ext>
              </a:extLst>
            </p:cNvPr>
            <p:cNvSpPr txBox="1"/>
            <p:nvPr/>
          </p:nvSpPr>
          <p:spPr>
            <a:xfrm>
              <a:off x="739597" y="3278833"/>
              <a:ext cx="1669257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1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Kortlægning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5.2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1" name="Gruppe 10">
            <a:extLst>
              <a:ext uri="{FF2B5EF4-FFF2-40B4-BE49-F238E27FC236}">
                <a16:creationId xmlns:a16="http://schemas.microsoft.com/office/drawing/2014/main" id="{E6C3DDE0-927E-4506-B0D9-C2A17D0C2363}"/>
              </a:ext>
            </a:extLst>
          </p:cNvPr>
          <p:cNvGrpSpPr/>
          <p:nvPr/>
        </p:nvGrpSpPr>
        <p:grpSpPr>
          <a:xfrm>
            <a:off x="2999221" y="3351554"/>
            <a:ext cx="1706130" cy="1026204"/>
            <a:chOff x="299922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2" name="Rektangel 11">
              <a:extLst>
                <a:ext uri="{FF2B5EF4-FFF2-40B4-BE49-F238E27FC236}">
                  <a16:creationId xmlns:a16="http://schemas.microsoft.com/office/drawing/2014/main" id="{C63F4098-6BFB-4F29-B46C-DCD44632F93B}"/>
                </a:ext>
              </a:extLst>
            </p:cNvPr>
            <p:cNvSpPr/>
            <p:nvPr/>
          </p:nvSpPr>
          <p:spPr>
            <a:xfrm>
              <a:off x="299922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3" name="Tekstfelt 12">
              <a:extLst>
                <a:ext uri="{FF2B5EF4-FFF2-40B4-BE49-F238E27FC236}">
                  <a16:creationId xmlns:a16="http://schemas.microsoft.com/office/drawing/2014/main" id="{952C401D-7859-4350-82D8-D70D22E2D937}"/>
                </a:ext>
              </a:extLst>
            </p:cNvPr>
            <p:cNvSpPr txBox="1"/>
            <p:nvPr/>
          </p:nvSpPr>
          <p:spPr>
            <a:xfrm>
              <a:off x="3025991" y="3289539"/>
              <a:ext cx="1652589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2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Fokus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9.4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4A47BBE2-6584-4BA6-B43C-DDF48B651535}"/>
              </a:ext>
            </a:extLst>
          </p:cNvPr>
          <p:cNvGrpSpPr/>
          <p:nvPr/>
        </p:nvGrpSpPr>
        <p:grpSpPr>
          <a:xfrm>
            <a:off x="5968155" y="4602134"/>
            <a:ext cx="1706130" cy="1026204"/>
            <a:chOff x="527569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4AE8FC75-6658-4117-8799-57F86240E907}"/>
                </a:ext>
              </a:extLst>
            </p:cNvPr>
            <p:cNvSpPr/>
            <p:nvPr/>
          </p:nvSpPr>
          <p:spPr>
            <a:xfrm>
              <a:off x="527569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6" name="Tekstfelt 15">
              <a:extLst>
                <a:ext uri="{FF2B5EF4-FFF2-40B4-BE49-F238E27FC236}">
                  <a16:creationId xmlns:a16="http://schemas.microsoft.com/office/drawing/2014/main" id="{D1961386-A9DE-4D84-BA3D-B1E0A454E624}"/>
                </a:ext>
              </a:extLst>
            </p:cNvPr>
            <p:cNvSpPr txBox="1"/>
            <p:nvPr/>
          </p:nvSpPr>
          <p:spPr>
            <a:xfrm>
              <a:off x="5294004" y="3292685"/>
              <a:ext cx="1666876" cy="830997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3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Ny </a:t>
              </a:r>
              <a:r>
                <a:rPr lang="da-DK" sz="1800" dirty="0" err="1">
                  <a:solidFill>
                    <a:schemeClr val="bg1"/>
                  </a:solidFill>
                </a:rPr>
                <a:t>testproced</a:t>
              </a:r>
              <a:r>
                <a:rPr lang="da-DK" sz="1800" dirty="0">
                  <a:solidFill>
                    <a:schemeClr val="bg1"/>
                  </a:solidFill>
                </a:rPr>
                <a:t>.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18.9.2020</a:t>
              </a:r>
            </a:p>
          </p:txBody>
        </p:sp>
      </p:grpSp>
      <p:grpSp>
        <p:nvGrpSpPr>
          <p:cNvPr id="17" name="Gruppe 16">
            <a:extLst>
              <a:ext uri="{FF2B5EF4-FFF2-40B4-BE49-F238E27FC236}">
                <a16:creationId xmlns:a16="http://schemas.microsoft.com/office/drawing/2014/main" id="{AD40C94E-6D88-42EA-BC7E-1A2F2077D752}"/>
              </a:ext>
            </a:extLst>
          </p:cNvPr>
          <p:cNvGrpSpPr/>
          <p:nvPr/>
        </p:nvGrpSpPr>
        <p:grpSpPr>
          <a:xfrm>
            <a:off x="7404167" y="847249"/>
            <a:ext cx="1948617" cy="1182887"/>
            <a:chOff x="755217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8" name="Rektangel 17">
              <a:extLst>
                <a:ext uri="{FF2B5EF4-FFF2-40B4-BE49-F238E27FC236}">
                  <a16:creationId xmlns:a16="http://schemas.microsoft.com/office/drawing/2014/main" id="{A07BEF8E-D52B-4485-B271-DC2F7590B22A}"/>
                </a:ext>
              </a:extLst>
            </p:cNvPr>
            <p:cNvSpPr/>
            <p:nvPr/>
          </p:nvSpPr>
          <p:spPr>
            <a:xfrm>
              <a:off x="755217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398F8D06-9A09-49D2-91BA-3D4E28D79425}"/>
                </a:ext>
              </a:extLst>
            </p:cNvPr>
            <p:cNvSpPr txBox="1"/>
            <p:nvPr/>
          </p:nvSpPr>
          <p:spPr>
            <a:xfrm>
              <a:off x="7594708" y="3266218"/>
              <a:ext cx="1624012" cy="787387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4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Revidering af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Vejledning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15.4.2021</a:t>
              </a:r>
            </a:p>
          </p:txBody>
        </p:sp>
      </p:grpSp>
      <p:grpSp>
        <p:nvGrpSpPr>
          <p:cNvPr id="20" name="Gruppe 19">
            <a:extLst>
              <a:ext uri="{FF2B5EF4-FFF2-40B4-BE49-F238E27FC236}">
                <a16:creationId xmlns:a16="http://schemas.microsoft.com/office/drawing/2014/main" id="{155E5273-8F67-444F-812C-D1AC27B1F07B}"/>
              </a:ext>
            </a:extLst>
          </p:cNvPr>
          <p:cNvGrpSpPr/>
          <p:nvPr/>
        </p:nvGrpSpPr>
        <p:grpSpPr>
          <a:xfrm>
            <a:off x="10130487" y="2768622"/>
            <a:ext cx="1706130" cy="1026204"/>
            <a:chOff x="98286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297BD6AD-6A27-447C-AEC7-9F3A42AC75D5}"/>
                </a:ext>
              </a:extLst>
            </p:cNvPr>
            <p:cNvSpPr/>
            <p:nvPr/>
          </p:nvSpPr>
          <p:spPr>
            <a:xfrm>
              <a:off x="98286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22" name="Tekstfelt 21">
              <a:extLst>
                <a:ext uri="{FF2B5EF4-FFF2-40B4-BE49-F238E27FC236}">
                  <a16:creationId xmlns:a16="http://schemas.microsoft.com/office/drawing/2014/main" id="{11C161B1-591D-4DB0-8F62-25D9AA3EB4EE}"/>
                </a:ext>
              </a:extLst>
            </p:cNvPr>
            <p:cNvSpPr txBox="1"/>
            <p:nvPr/>
          </p:nvSpPr>
          <p:spPr>
            <a:xfrm>
              <a:off x="9854984" y="3281724"/>
              <a:ext cx="1657350" cy="738664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5</a:t>
              </a:r>
            </a:p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Forankring 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8.10.2021</a:t>
              </a:r>
            </a:p>
          </p:txBody>
        </p:sp>
      </p:grp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E68BED3F-189B-409F-B875-3EAFA0C7B11D}"/>
              </a:ext>
            </a:extLst>
          </p:cNvPr>
          <p:cNvCxnSpPr>
            <a:cxnSpLocks/>
          </p:cNvCxnSpPr>
          <p:nvPr/>
        </p:nvCxnSpPr>
        <p:spPr>
          <a:xfrm flipH="1">
            <a:off x="9996307" y="1583202"/>
            <a:ext cx="578524" cy="779927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kstfelt 22">
            <a:extLst>
              <a:ext uri="{FF2B5EF4-FFF2-40B4-BE49-F238E27FC236}">
                <a16:creationId xmlns:a16="http://schemas.microsoft.com/office/drawing/2014/main" id="{CAEBFFC0-AF23-495D-81EE-440D2C6E916A}"/>
              </a:ext>
            </a:extLst>
          </p:cNvPr>
          <p:cNvSpPr txBox="1"/>
          <p:nvPr/>
        </p:nvSpPr>
        <p:spPr>
          <a:xfrm>
            <a:off x="9996307" y="1258568"/>
            <a:ext cx="1559293" cy="27699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da-DK" sz="1800" dirty="0"/>
              <a:t>Her er vi i dag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3BF1AA5F-6393-4FD5-8848-76B44B1F44A8}"/>
              </a:ext>
            </a:extLst>
          </p:cNvPr>
          <p:cNvSpPr/>
          <p:nvPr/>
        </p:nvSpPr>
        <p:spPr>
          <a:xfrm>
            <a:off x="3904991" y="4530076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BDB6FCCC-3A9D-40ED-84DA-6743DCBCB2C4}"/>
              </a:ext>
            </a:extLst>
          </p:cNvPr>
          <p:cNvSpPr/>
          <p:nvPr/>
        </p:nvSpPr>
        <p:spPr>
          <a:xfrm>
            <a:off x="4095002" y="517869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0D96F151-C91D-4C31-B1E2-1C140FEEBDBD}"/>
              </a:ext>
            </a:extLst>
          </p:cNvPr>
          <p:cNvSpPr/>
          <p:nvPr/>
        </p:nvSpPr>
        <p:spPr>
          <a:xfrm>
            <a:off x="4601409" y="5764040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C427EDFB-EAA0-4869-8209-834AB43A01E4}"/>
              </a:ext>
            </a:extLst>
          </p:cNvPr>
          <p:cNvSpPr/>
          <p:nvPr/>
        </p:nvSpPr>
        <p:spPr>
          <a:xfrm>
            <a:off x="5400293" y="5819411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9C4860B5-22AA-408C-A2F7-D7F5151C7408}"/>
              </a:ext>
            </a:extLst>
          </p:cNvPr>
          <p:cNvSpPr/>
          <p:nvPr/>
        </p:nvSpPr>
        <p:spPr>
          <a:xfrm>
            <a:off x="7187888" y="4095022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E0CDA5A-6FAD-4B97-8B4A-EC6C573A1B73}"/>
              </a:ext>
            </a:extLst>
          </p:cNvPr>
          <p:cNvSpPr/>
          <p:nvPr/>
        </p:nvSpPr>
        <p:spPr>
          <a:xfrm>
            <a:off x="7251490" y="331192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29F536F-100C-410E-8AB9-4F700B83A2F8}"/>
              </a:ext>
            </a:extLst>
          </p:cNvPr>
          <p:cNvSpPr/>
          <p:nvPr/>
        </p:nvSpPr>
        <p:spPr>
          <a:xfrm>
            <a:off x="7338822" y="2592114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pic>
        <p:nvPicPr>
          <p:cNvPr id="32" name="Picture 31">
            <a:extLst>
              <a:ext uri="{FF2B5EF4-FFF2-40B4-BE49-F238E27FC236}">
                <a16:creationId xmlns:a16="http://schemas.microsoft.com/office/drawing/2014/main" id="{12CD98BB-E0F8-445A-B404-232AAA128B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192179" y="2138940"/>
            <a:ext cx="8030313" cy="4517051"/>
          </a:xfrm>
          <a:prstGeom prst="rect">
            <a:avLst/>
          </a:prstGeom>
        </p:spPr>
      </p:pic>
      <p:sp>
        <p:nvSpPr>
          <p:cNvPr id="33" name="TextBox 32">
            <a:extLst>
              <a:ext uri="{FF2B5EF4-FFF2-40B4-BE49-F238E27FC236}">
                <a16:creationId xmlns:a16="http://schemas.microsoft.com/office/drawing/2014/main" id="{B27ECDDB-B480-44B1-ABA1-258C48C38E23}"/>
              </a:ext>
            </a:extLst>
          </p:cNvPr>
          <p:cNvSpPr txBox="1"/>
          <p:nvPr/>
        </p:nvSpPr>
        <p:spPr>
          <a:xfrm>
            <a:off x="2503456" y="1769545"/>
            <a:ext cx="6404384" cy="293157"/>
          </a:xfrm>
          <a:prstGeom prst="rect">
            <a:avLst/>
          </a:prstGeom>
          <a:solidFill>
            <a:schemeClr val="bg2">
              <a:lumMod val="20000"/>
              <a:lumOff val="80000"/>
            </a:schemeClr>
          </a:solidFill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a-DK" dirty="0"/>
              <a:t>Fokus på testprocedure og opstart af arbejdsgruppe</a:t>
            </a:r>
          </a:p>
        </p:txBody>
      </p:sp>
    </p:spTree>
    <p:extLst>
      <p:ext uri="{BB962C8B-B14F-4D97-AF65-F5344CB8AC3E}">
        <p14:creationId xmlns:p14="http://schemas.microsoft.com/office/powerpoint/2010/main" val="71602903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kstfelt 5">
            <a:extLst>
              <a:ext uri="{FF2B5EF4-FFF2-40B4-BE49-F238E27FC236}">
                <a16:creationId xmlns:a16="http://schemas.microsoft.com/office/drawing/2014/main" id="{5B6F4218-32A9-4ED5-9A4E-DC243A44E6C6}"/>
              </a:ext>
            </a:extLst>
          </p:cNvPr>
          <p:cNvSpPr txBox="1"/>
          <p:nvPr/>
        </p:nvSpPr>
        <p:spPr>
          <a:xfrm>
            <a:off x="633225" y="981569"/>
            <a:ext cx="722947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Netværket</a:t>
            </a:r>
          </a:p>
        </p:txBody>
      </p:sp>
      <p:sp>
        <p:nvSpPr>
          <p:cNvPr id="7" name="Kombinationstegning: figur 6">
            <a:extLst>
              <a:ext uri="{FF2B5EF4-FFF2-40B4-BE49-F238E27FC236}">
                <a16:creationId xmlns:a16="http://schemas.microsoft.com/office/drawing/2014/main" id="{91E19768-ED54-44C5-86B1-0D8C2D82B6D5}"/>
              </a:ext>
            </a:extLst>
          </p:cNvPr>
          <p:cNvSpPr/>
          <p:nvPr/>
        </p:nvSpPr>
        <p:spPr>
          <a:xfrm>
            <a:off x="0" y="1776169"/>
            <a:ext cx="12192000" cy="4217195"/>
          </a:xfrm>
          <a:custGeom>
            <a:avLst/>
            <a:gdLst>
              <a:gd name="connsiteX0" fmla="*/ 0 w 12192000"/>
              <a:gd name="connsiteY0" fmla="*/ 1132131 h 4217195"/>
              <a:gd name="connsiteX1" fmla="*/ 3136900 w 12192000"/>
              <a:gd name="connsiteY1" fmla="*/ 624131 h 4217195"/>
              <a:gd name="connsiteX2" fmla="*/ 4584700 w 12192000"/>
              <a:gd name="connsiteY2" fmla="*/ 4027731 h 4217195"/>
              <a:gd name="connsiteX3" fmla="*/ 7061200 w 12192000"/>
              <a:gd name="connsiteY3" fmla="*/ 3380031 h 4217195"/>
              <a:gd name="connsiteX4" fmla="*/ 8001000 w 12192000"/>
              <a:gd name="connsiteY4" fmla="*/ 14531 h 4217195"/>
              <a:gd name="connsiteX5" fmla="*/ 12192000 w 12192000"/>
              <a:gd name="connsiteY5" fmla="*/ 2389431 h 42171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4217195">
                <a:moveTo>
                  <a:pt x="0" y="1132131"/>
                </a:moveTo>
                <a:cubicBezTo>
                  <a:pt x="1186391" y="636831"/>
                  <a:pt x="2372783" y="141531"/>
                  <a:pt x="3136900" y="624131"/>
                </a:cubicBezTo>
                <a:cubicBezTo>
                  <a:pt x="3901017" y="1106731"/>
                  <a:pt x="3930650" y="3568414"/>
                  <a:pt x="4584700" y="4027731"/>
                </a:cubicBezTo>
                <a:cubicBezTo>
                  <a:pt x="5238750" y="4487048"/>
                  <a:pt x="6491817" y="4048898"/>
                  <a:pt x="7061200" y="3380031"/>
                </a:cubicBezTo>
                <a:cubicBezTo>
                  <a:pt x="7630583" y="2711164"/>
                  <a:pt x="7145867" y="179631"/>
                  <a:pt x="8001000" y="14531"/>
                </a:cubicBezTo>
                <a:cubicBezTo>
                  <a:pt x="8856133" y="-150569"/>
                  <a:pt x="10524066" y="1119431"/>
                  <a:pt x="12192000" y="2389431"/>
                </a:cubicBezTo>
              </a:path>
            </a:pathLst>
          </a:cu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8" name="Gruppe 7">
            <a:extLst>
              <a:ext uri="{FF2B5EF4-FFF2-40B4-BE49-F238E27FC236}">
                <a16:creationId xmlns:a16="http://schemas.microsoft.com/office/drawing/2014/main" id="{704673CE-B796-4D64-84B0-3440FDB2FE4F}"/>
              </a:ext>
            </a:extLst>
          </p:cNvPr>
          <p:cNvGrpSpPr/>
          <p:nvPr/>
        </p:nvGrpSpPr>
        <p:grpSpPr>
          <a:xfrm>
            <a:off x="252230" y="2091248"/>
            <a:ext cx="1706130" cy="1026204"/>
            <a:chOff x="7227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A4E38BE-D6DE-43C1-859C-CF0E9ED62E09}"/>
                </a:ext>
              </a:extLst>
            </p:cNvPr>
            <p:cNvSpPr/>
            <p:nvPr/>
          </p:nvSpPr>
          <p:spPr>
            <a:xfrm>
              <a:off x="7227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0" name="Tekstfelt 9">
              <a:extLst>
                <a:ext uri="{FF2B5EF4-FFF2-40B4-BE49-F238E27FC236}">
                  <a16:creationId xmlns:a16="http://schemas.microsoft.com/office/drawing/2014/main" id="{F5A7C205-E991-4F65-A192-B4B705902DA7}"/>
                </a:ext>
              </a:extLst>
            </p:cNvPr>
            <p:cNvSpPr txBox="1"/>
            <p:nvPr/>
          </p:nvSpPr>
          <p:spPr>
            <a:xfrm>
              <a:off x="739597" y="3278833"/>
              <a:ext cx="1669257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1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Kortlægning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5.2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1" name="Gruppe 10">
            <a:extLst>
              <a:ext uri="{FF2B5EF4-FFF2-40B4-BE49-F238E27FC236}">
                <a16:creationId xmlns:a16="http://schemas.microsoft.com/office/drawing/2014/main" id="{E6C3DDE0-927E-4506-B0D9-C2A17D0C2363}"/>
              </a:ext>
            </a:extLst>
          </p:cNvPr>
          <p:cNvGrpSpPr/>
          <p:nvPr/>
        </p:nvGrpSpPr>
        <p:grpSpPr>
          <a:xfrm>
            <a:off x="2999221" y="3351554"/>
            <a:ext cx="1706130" cy="1026204"/>
            <a:chOff x="299922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2" name="Rektangel 11">
              <a:extLst>
                <a:ext uri="{FF2B5EF4-FFF2-40B4-BE49-F238E27FC236}">
                  <a16:creationId xmlns:a16="http://schemas.microsoft.com/office/drawing/2014/main" id="{C63F4098-6BFB-4F29-B46C-DCD44632F93B}"/>
                </a:ext>
              </a:extLst>
            </p:cNvPr>
            <p:cNvSpPr/>
            <p:nvPr/>
          </p:nvSpPr>
          <p:spPr>
            <a:xfrm>
              <a:off x="299922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3" name="Tekstfelt 12">
              <a:extLst>
                <a:ext uri="{FF2B5EF4-FFF2-40B4-BE49-F238E27FC236}">
                  <a16:creationId xmlns:a16="http://schemas.microsoft.com/office/drawing/2014/main" id="{952C401D-7859-4350-82D8-D70D22E2D937}"/>
                </a:ext>
              </a:extLst>
            </p:cNvPr>
            <p:cNvSpPr txBox="1"/>
            <p:nvPr/>
          </p:nvSpPr>
          <p:spPr>
            <a:xfrm>
              <a:off x="3025991" y="3289539"/>
              <a:ext cx="1652589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2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Fokus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9.4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4A47BBE2-6584-4BA6-B43C-DDF48B651535}"/>
              </a:ext>
            </a:extLst>
          </p:cNvPr>
          <p:cNvGrpSpPr/>
          <p:nvPr/>
        </p:nvGrpSpPr>
        <p:grpSpPr>
          <a:xfrm>
            <a:off x="5968155" y="4602134"/>
            <a:ext cx="1706130" cy="1026204"/>
            <a:chOff x="527569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4AE8FC75-6658-4117-8799-57F86240E907}"/>
                </a:ext>
              </a:extLst>
            </p:cNvPr>
            <p:cNvSpPr/>
            <p:nvPr/>
          </p:nvSpPr>
          <p:spPr>
            <a:xfrm>
              <a:off x="527569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6" name="Tekstfelt 15">
              <a:extLst>
                <a:ext uri="{FF2B5EF4-FFF2-40B4-BE49-F238E27FC236}">
                  <a16:creationId xmlns:a16="http://schemas.microsoft.com/office/drawing/2014/main" id="{D1961386-A9DE-4D84-BA3D-B1E0A454E624}"/>
                </a:ext>
              </a:extLst>
            </p:cNvPr>
            <p:cNvSpPr txBox="1"/>
            <p:nvPr/>
          </p:nvSpPr>
          <p:spPr>
            <a:xfrm>
              <a:off x="5294004" y="3292685"/>
              <a:ext cx="1666876" cy="830997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3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Ny </a:t>
              </a:r>
              <a:r>
                <a:rPr lang="da-DK" sz="1800" dirty="0" err="1">
                  <a:solidFill>
                    <a:schemeClr val="bg1"/>
                  </a:solidFill>
                </a:rPr>
                <a:t>testproced</a:t>
              </a:r>
              <a:r>
                <a:rPr lang="da-DK" sz="1800" dirty="0">
                  <a:solidFill>
                    <a:schemeClr val="bg1"/>
                  </a:solidFill>
                </a:rPr>
                <a:t>.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18.9.2020</a:t>
              </a:r>
            </a:p>
          </p:txBody>
        </p:sp>
      </p:grpSp>
      <p:grpSp>
        <p:nvGrpSpPr>
          <p:cNvPr id="17" name="Gruppe 16">
            <a:extLst>
              <a:ext uri="{FF2B5EF4-FFF2-40B4-BE49-F238E27FC236}">
                <a16:creationId xmlns:a16="http://schemas.microsoft.com/office/drawing/2014/main" id="{AD40C94E-6D88-42EA-BC7E-1A2F2077D752}"/>
              </a:ext>
            </a:extLst>
          </p:cNvPr>
          <p:cNvGrpSpPr/>
          <p:nvPr/>
        </p:nvGrpSpPr>
        <p:grpSpPr>
          <a:xfrm>
            <a:off x="7404167" y="847249"/>
            <a:ext cx="1948617" cy="1182887"/>
            <a:chOff x="755217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8" name="Rektangel 17">
              <a:extLst>
                <a:ext uri="{FF2B5EF4-FFF2-40B4-BE49-F238E27FC236}">
                  <a16:creationId xmlns:a16="http://schemas.microsoft.com/office/drawing/2014/main" id="{A07BEF8E-D52B-4485-B271-DC2F7590B22A}"/>
                </a:ext>
              </a:extLst>
            </p:cNvPr>
            <p:cNvSpPr/>
            <p:nvPr/>
          </p:nvSpPr>
          <p:spPr>
            <a:xfrm>
              <a:off x="755217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398F8D06-9A09-49D2-91BA-3D4E28D79425}"/>
                </a:ext>
              </a:extLst>
            </p:cNvPr>
            <p:cNvSpPr txBox="1"/>
            <p:nvPr/>
          </p:nvSpPr>
          <p:spPr>
            <a:xfrm>
              <a:off x="7594708" y="3266218"/>
              <a:ext cx="1624012" cy="787387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4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Revidering af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Vejledning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15.4.2021</a:t>
              </a:r>
            </a:p>
          </p:txBody>
        </p:sp>
      </p:grpSp>
      <p:grpSp>
        <p:nvGrpSpPr>
          <p:cNvPr id="20" name="Gruppe 19">
            <a:extLst>
              <a:ext uri="{FF2B5EF4-FFF2-40B4-BE49-F238E27FC236}">
                <a16:creationId xmlns:a16="http://schemas.microsoft.com/office/drawing/2014/main" id="{155E5273-8F67-444F-812C-D1AC27B1F07B}"/>
              </a:ext>
            </a:extLst>
          </p:cNvPr>
          <p:cNvGrpSpPr/>
          <p:nvPr/>
        </p:nvGrpSpPr>
        <p:grpSpPr>
          <a:xfrm>
            <a:off x="10130487" y="2768622"/>
            <a:ext cx="1706130" cy="1026204"/>
            <a:chOff x="98286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297BD6AD-6A27-447C-AEC7-9F3A42AC75D5}"/>
                </a:ext>
              </a:extLst>
            </p:cNvPr>
            <p:cNvSpPr/>
            <p:nvPr/>
          </p:nvSpPr>
          <p:spPr>
            <a:xfrm>
              <a:off x="98286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22" name="Tekstfelt 21">
              <a:extLst>
                <a:ext uri="{FF2B5EF4-FFF2-40B4-BE49-F238E27FC236}">
                  <a16:creationId xmlns:a16="http://schemas.microsoft.com/office/drawing/2014/main" id="{11C161B1-591D-4DB0-8F62-25D9AA3EB4EE}"/>
                </a:ext>
              </a:extLst>
            </p:cNvPr>
            <p:cNvSpPr txBox="1"/>
            <p:nvPr/>
          </p:nvSpPr>
          <p:spPr>
            <a:xfrm>
              <a:off x="9854984" y="3281724"/>
              <a:ext cx="1657350" cy="738664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5</a:t>
              </a:r>
            </a:p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Forankring 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8.10.2021</a:t>
              </a:r>
            </a:p>
          </p:txBody>
        </p:sp>
      </p:grp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E68BED3F-189B-409F-B875-3EAFA0C7B11D}"/>
              </a:ext>
            </a:extLst>
          </p:cNvPr>
          <p:cNvCxnSpPr>
            <a:cxnSpLocks/>
          </p:cNvCxnSpPr>
          <p:nvPr/>
        </p:nvCxnSpPr>
        <p:spPr>
          <a:xfrm flipH="1">
            <a:off x="9996307" y="1583202"/>
            <a:ext cx="578524" cy="779927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kstfelt 22">
            <a:extLst>
              <a:ext uri="{FF2B5EF4-FFF2-40B4-BE49-F238E27FC236}">
                <a16:creationId xmlns:a16="http://schemas.microsoft.com/office/drawing/2014/main" id="{CAEBFFC0-AF23-495D-81EE-440D2C6E916A}"/>
              </a:ext>
            </a:extLst>
          </p:cNvPr>
          <p:cNvSpPr txBox="1"/>
          <p:nvPr/>
        </p:nvSpPr>
        <p:spPr>
          <a:xfrm>
            <a:off x="9996307" y="1258568"/>
            <a:ext cx="1559293" cy="27699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da-DK" sz="1800" dirty="0"/>
              <a:t>Her er vi i dag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3BF1AA5F-6393-4FD5-8848-76B44B1F44A8}"/>
              </a:ext>
            </a:extLst>
          </p:cNvPr>
          <p:cNvSpPr/>
          <p:nvPr/>
        </p:nvSpPr>
        <p:spPr>
          <a:xfrm>
            <a:off x="3904991" y="4530076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BDB6FCCC-3A9D-40ED-84DA-6743DCBCB2C4}"/>
              </a:ext>
            </a:extLst>
          </p:cNvPr>
          <p:cNvSpPr/>
          <p:nvPr/>
        </p:nvSpPr>
        <p:spPr>
          <a:xfrm>
            <a:off x="4095002" y="517869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0D96F151-C91D-4C31-B1E2-1C140FEEBDBD}"/>
              </a:ext>
            </a:extLst>
          </p:cNvPr>
          <p:cNvSpPr/>
          <p:nvPr/>
        </p:nvSpPr>
        <p:spPr>
          <a:xfrm>
            <a:off x="4601409" y="5764040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C427EDFB-EAA0-4869-8209-834AB43A01E4}"/>
              </a:ext>
            </a:extLst>
          </p:cNvPr>
          <p:cNvSpPr/>
          <p:nvPr/>
        </p:nvSpPr>
        <p:spPr>
          <a:xfrm>
            <a:off x="5400293" y="5819411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9C4860B5-22AA-408C-A2F7-D7F5151C7408}"/>
              </a:ext>
            </a:extLst>
          </p:cNvPr>
          <p:cNvSpPr/>
          <p:nvPr/>
        </p:nvSpPr>
        <p:spPr>
          <a:xfrm>
            <a:off x="7187888" y="4095022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E0CDA5A-6FAD-4B97-8B4A-EC6C573A1B73}"/>
              </a:ext>
            </a:extLst>
          </p:cNvPr>
          <p:cNvSpPr/>
          <p:nvPr/>
        </p:nvSpPr>
        <p:spPr>
          <a:xfrm>
            <a:off x="7251490" y="331192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29F536F-100C-410E-8AB9-4F700B83A2F8}"/>
              </a:ext>
            </a:extLst>
          </p:cNvPr>
          <p:cNvSpPr/>
          <p:nvPr/>
        </p:nvSpPr>
        <p:spPr>
          <a:xfrm>
            <a:off x="7338822" y="2592114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5A8649E4-7F9F-4010-B131-99AF6D0B2EC1}"/>
              </a:ext>
            </a:extLst>
          </p:cNvPr>
          <p:cNvSpPr/>
          <p:nvPr/>
        </p:nvSpPr>
        <p:spPr>
          <a:xfrm>
            <a:off x="6844643" y="0"/>
            <a:ext cx="5344181" cy="4470759"/>
          </a:xfrm>
          <a:prstGeom prst="rect">
            <a:avLst/>
          </a:prstGeom>
          <a:solidFill>
            <a:schemeClr val="bg2">
              <a:lumMod val="75000"/>
              <a:alpha val="77000"/>
            </a:schemeClr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 err="1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9B976E92-D8DC-4AE6-9999-1BF7436182AF}"/>
              </a:ext>
            </a:extLst>
          </p:cNvPr>
          <p:cNvSpPr/>
          <p:nvPr/>
        </p:nvSpPr>
        <p:spPr>
          <a:xfrm>
            <a:off x="0" y="1"/>
            <a:ext cx="2881247" cy="6857999"/>
          </a:xfrm>
          <a:prstGeom prst="rect">
            <a:avLst/>
          </a:prstGeom>
          <a:solidFill>
            <a:schemeClr val="bg2">
              <a:lumMod val="75000"/>
              <a:alpha val="77000"/>
            </a:schemeClr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82336463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kstfelt 5">
            <a:extLst>
              <a:ext uri="{FF2B5EF4-FFF2-40B4-BE49-F238E27FC236}">
                <a16:creationId xmlns:a16="http://schemas.microsoft.com/office/drawing/2014/main" id="{5B6F4218-32A9-4ED5-9A4E-DC243A44E6C6}"/>
              </a:ext>
            </a:extLst>
          </p:cNvPr>
          <p:cNvSpPr txBox="1"/>
          <p:nvPr/>
        </p:nvSpPr>
        <p:spPr>
          <a:xfrm>
            <a:off x="633225" y="981569"/>
            <a:ext cx="722947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Netværket</a:t>
            </a:r>
          </a:p>
        </p:txBody>
      </p:sp>
      <p:sp>
        <p:nvSpPr>
          <p:cNvPr id="7" name="Kombinationstegning: figur 6">
            <a:extLst>
              <a:ext uri="{FF2B5EF4-FFF2-40B4-BE49-F238E27FC236}">
                <a16:creationId xmlns:a16="http://schemas.microsoft.com/office/drawing/2014/main" id="{91E19768-ED54-44C5-86B1-0D8C2D82B6D5}"/>
              </a:ext>
            </a:extLst>
          </p:cNvPr>
          <p:cNvSpPr/>
          <p:nvPr/>
        </p:nvSpPr>
        <p:spPr>
          <a:xfrm>
            <a:off x="0" y="1776169"/>
            <a:ext cx="12192000" cy="4217195"/>
          </a:xfrm>
          <a:custGeom>
            <a:avLst/>
            <a:gdLst>
              <a:gd name="connsiteX0" fmla="*/ 0 w 12192000"/>
              <a:gd name="connsiteY0" fmla="*/ 1132131 h 4217195"/>
              <a:gd name="connsiteX1" fmla="*/ 3136900 w 12192000"/>
              <a:gd name="connsiteY1" fmla="*/ 624131 h 4217195"/>
              <a:gd name="connsiteX2" fmla="*/ 4584700 w 12192000"/>
              <a:gd name="connsiteY2" fmla="*/ 4027731 h 4217195"/>
              <a:gd name="connsiteX3" fmla="*/ 7061200 w 12192000"/>
              <a:gd name="connsiteY3" fmla="*/ 3380031 h 4217195"/>
              <a:gd name="connsiteX4" fmla="*/ 8001000 w 12192000"/>
              <a:gd name="connsiteY4" fmla="*/ 14531 h 4217195"/>
              <a:gd name="connsiteX5" fmla="*/ 12192000 w 12192000"/>
              <a:gd name="connsiteY5" fmla="*/ 2389431 h 42171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4217195">
                <a:moveTo>
                  <a:pt x="0" y="1132131"/>
                </a:moveTo>
                <a:cubicBezTo>
                  <a:pt x="1186391" y="636831"/>
                  <a:pt x="2372783" y="141531"/>
                  <a:pt x="3136900" y="624131"/>
                </a:cubicBezTo>
                <a:cubicBezTo>
                  <a:pt x="3901017" y="1106731"/>
                  <a:pt x="3930650" y="3568414"/>
                  <a:pt x="4584700" y="4027731"/>
                </a:cubicBezTo>
                <a:cubicBezTo>
                  <a:pt x="5238750" y="4487048"/>
                  <a:pt x="6491817" y="4048898"/>
                  <a:pt x="7061200" y="3380031"/>
                </a:cubicBezTo>
                <a:cubicBezTo>
                  <a:pt x="7630583" y="2711164"/>
                  <a:pt x="7145867" y="179631"/>
                  <a:pt x="8001000" y="14531"/>
                </a:cubicBezTo>
                <a:cubicBezTo>
                  <a:pt x="8856133" y="-150569"/>
                  <a:pt x="10524066" y="1119431"/>
                  <a:pt x="12192000" y="2389431"/>
                </a:cubicBezTo>
              </a:path>
            </a:pathLst>
          </a:cu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8" name="Gruppe 7">
            <a:extLst>
              <a:ext uri="{FF2B5EF4-FFF2-40B4-BE49-F238E27FC236}">
                <a16:creationId xmlns:a16="http://schemas.microsoft.com/office/drawing/2014/main" id="{704673CE-B796-4D64-84B0-3440FDB2FE4F}"/>
              </a:ext>
            </a:extLst>
          </p:cNvPr>
          <p:cNvGrpSpPr/>
          <p:nvPr/>
        </p:nvGrpSpPr>
        <p:grpSpPr>
          <a:xfrm>
            <a:off x="252230" y="2091248"/>
            <a:ext cx="1706130" cy="1026204"/>
            <a:chOff x="7227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A4E38BE-D6DE-43C1-859C-CF0E9ED62E09}"/>
                </a:ext>
              </a:extLst>
            </p:cNvPr>
            <p:cNvSpPr/>
            <p:nvPr/>
          </p:nvSpPr>
          <p:spPr>
            <a:xfrm>
              <a:off x="7227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0" name="Tekstfelt 9">
              <a:extLst>
                <a:ext uri="{FF2B5EF4-FFF2-40B4-BE49-F238E27FC236}">
                  <a16:creationId xmlns:a16="http://schemas.microsoft.com/office/drawing/2014/main" id="{F5A7C205-E991-4F65-A192-B4B705902DA7}"/>
                </a:ext>
              </a:extLst>
            </p:cNvPr>
            <p:cNvSpPr txBox="1"/>
            <p:nvPr/>
          </p:nvSpPr>
          <p:spPr>
            <a:xfrm>
              <a:off x="739597" y="3278833"/>
              <a:ext cx="1669257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1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Kortlægning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5.2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1" name="Gruppe 10">
            <a:extLst>
              <a:ext uri="{FF2B5EF4-FFF2-40B4-BE49-F238E27FC236}">
                <a16:creationId xmlns:a16="http://schemas.microsoft.com/office/drawing/2014/main" id="{E6C3DDE0-927E-4506-B0D9-C2A17D0C2363}"/>
              </a:ext>
            </a:extLst>
          </p:cNvPr>
          <p:cNvGrpSpPr/>
          <p:nvPr/>
        </p:nvGrpSpPr>
        <p:grpSpPr>
          <a:xfrm>
            <a:off x="2999221" y="3351554"/>
            <a:ext cx="1706130" cy="1026204"/>
            <a:chOff x="299922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2" name="Rektangel 11">
              <a:extLst>
                <a:ext uri="{FF2B5EF4-FFF2-40B4-BE49-F238E27FC236}">
                  <a16:creationId xmlns:a16="http://schemas.microsoft.com/office/drawing/2014/main" id="{C63F4098-6BFB-4F29-B46C-DCD44632F93B}"/>
                </a:ext>
              </a:extLst>
            </p:cNvPr>
            <p:cNvSpPr/>
            <p:nvPr/>
          </p:nvSpPr>
          <p:spPr>
            <a:xfrm>
              <a:off x="299922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3" name="Tekstfelt 12">
              <a:extLst>
                <a:ext uri="{FF2B5EF4-FFF2-40B4-BE49-F238E27FC236}">
                  <a16:creationId xmlns:a16="http://schemas.microsoft.com/office/drawing/2014/main" id="{952C401D-7859-4350-82D8-D70D22E2D937}"/>
                </a:ext>
              </a:extLst>
            </p:cNvPr>
            <p:cNvSpPr txBox="1"/>
            <p:nvPr/>
          </p:nvSpPr>
          <p:spPr>
            <a:xfrm>
              <a:off x="3025991" y="3289539"/>
              <a:ext cx="1652589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2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Fokus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9.4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4A47BBE2-6584-4BA6-B43C-DDF48B651535}"/>
              </a:ext>
            </a:extLst>
          </p:cNvPr>
          <p:cNvGrpSpPr/>
          <p:nvPr/>
        </p:nvGrpSpPr>
        <p:grpSpPr>
          <a:xfrm>
            <a:off x="5968155" y="4602134"/>
            <a:ext cx="1706130" cy="1026204"/>
            <a:chOff x="527569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4AE8FC75-6658-4117-8799-57F86240E907}"/>
                </a:ext>
              </a:extLst>
            </p:cNvPr>
            <p:cNvSpPr/>
            <p:nvPr/>
          </p:nvSpPr>
          <p:spPr>
            <a:xfrm>
              <a:off x="527569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6" name="Tekstfelt 15">
              <a:extLst>
                <a:ext uri="{FF2B5EF4-FFF2-40B4-BE49-F238E27FC236}">
                  <a16:creationId xmlns:a16="http://schemas.microsoft.com/office/drawing/2014/main" id="{D1961386-A9DE-4D84-BA3D-B1E0A454E624}"/>
                </a:ext>
              </a:extLst>
            </p:cNvPr>
            <p:cNvSpPr txBox="1"/>
            <p:nvPr/>
          </p:nvSpPr>
          <p:spPr>
            <a:xfrm>
              <a:off x="5294004" y="3292685"/>
              <a:ext cx="1666876" cy="830997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3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Ny </a:t>
              </a:r>
              <a:r>
                <a:rPr lang="da-DK" sz="1800" dirty="0" err="1">
                  <a:solidFill>
                    <a:schemeClr val="bg1"/>
                  </a:solidFill>
                </a:rPr>
                <a:t>testproced</a:t>
              </a:r>
              <a:r>
                <a:rPr lang="da-DK" sz="1800" dirty="0">
                  <a:solidFill>
                    <a:schemeClr val="bg1"/>
                  </a:solidFill>
                </a:rPr>
                <a:t>.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18.9.2020</a:t>
              </a:r>
            </a:p>
          </p:txBody>
        </p:sp>
      </p:grpSp>
      <p:grpSp>
        <p:nvGrpSpPr>
          <p:cNvPr id="17" name="Gruppe 16">
            <a:extLst>
              <a:ext uri="{FF2B5EF4-FFF2-40B4-BE49-F238E27FC236}">
                <a16:creationId xmlns:a16="http://schemas.microsoft.com/office/drawing/2014/main" id="{AD40C94E-6D88-42EA-BC7E-1A2F2077D752}"/>
              </a:ext>
            </a:extLst>
          </p:cNvPr>
          <p:cNvGrpSpPr/>
          <p:nvPr/>
        </p:nvGrpSpPr>
        <p:grpSpPr>
          <a:xfrm>
            <a:off x="7404167" y="847249"/>
            <a:ext cx="1948617" cy="1182887"/>
            <a:chOff x="755217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8" name="Rektangel 17">
              <a:extLst>
                <a:ext uri="{FF2B5EF4-FFF2-40B4-BE49-F238E27FC236}">
                  <a16:creationId xmlns:a16="http://schemas.microsoft.com/office/drawing/2014/main" id="{A07BEF8E-D52B-4485-B271-DC2F7590B22A}"/>
                </a:ext>
              </a:extLst>
            </p:cNvPr>
            <p:cNvSpPr/>
            <p:nvPr/>
          </p:nvSpPr>
          <p:spPr>
            <a:xfrm>
              <a:off x="755217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398F8D06-9A09-49D2-91BA-3D4E28D79425}"/>
                </a:ext>
              </a:extLst>
            </p:cNvPr>
            <p:cNvSpPr txBox="1"/>
            <p:nvPr/>
          </p:nvSpPr>
          <p:spPr>
            <a:xfrm>
              <a:off x="7594708" y="3266218"/>
              <a:ext cx="1624012" cy="787387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4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Revidering af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Vejledning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15.4.2021</a:t>
              </a:r>
            </a:p>
          </p:txBody>
        </p:sp>
      </p:grpSp>
      <p:grpSp>
        <p:nvGrpSpPr>
          <p:cNvPr id="20" name="Gruppe 19">
            <a:extLst>
              <a:ext uri="{FF2B5EF4-FFF2-40B4-BE49-F238E27FC236}">
                <a16:creationId xmlns:a16="http://schemas.microsoft.com/office/drawing/2014/main" id="{155E5273-8F67-444F-812C-D1AC27B1F07B}"/>
              </a:ext>
            </a:extLst>
          </p:cNvPr>
          <p:cNvGrpSpPr/>
          <p:nvPr/>
        </p:nvGrpSpPr>
        <p:grpSpPr>
          <a:xfrm>
            <a:off x="10130487" y="2768622"/>
            <a:ext cx="1706130" cy="1026204"/>
            <a:chOff x="98286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297BD6AD-6A27-447C-AEC7-9F3A42AC75D5}"/>
                </a:ext>
              </a:extLst>
            </p:cNvPr>
            <p:cNvSpPr/>
            <p:nvPr/>
          </p:nvSpPr>
          <p:spPr>
            <a:xfrm>
              <a:off x="98286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22" name="Tekstfelt 21">
              <a:extLst>
                <a:ext uri="{FF2B5EF4-FFF2-40B4-BE49-F238E27FC236}">
                  <a16:creationId xmlns:a16="http://schemas.microsoft.com/office/drawing/2014/main" id="{11C161B1-591D-4DB0-8F62-25D9AA3EB4EE}"/>
                </a:ext>
              </a:extLst>
            </p:cNvPr>
            <p:cNvSpPr txBox="1"/>
            <p:nvPr/>
          </p:nvSpPr>
          <p:spPr>
            <a:xfrm>
              <a:off x="9854984" y="3281724"/>
              <a:ext cx="1657350" cy="738664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5</a:t>
              </a:r>
            </a:p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Forankring 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8.10.2021</a:t>
              </a:r>
            </a:p>
          </p:txBody>
        </p:sp>
      </p:grp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E68BED3F-189B-409F-B875-3EAFA0C7B11D}"/>
              </a:ext>
            </a:extLst>
          </p:cNvPr>
          <p:cNvCxnSpPr>
            <a:cxnSpLocks/>
          </p:cNvCxnSpPr>
          <p:nvPr/>
        </p:nvCxnSpPr>
        <p:spPr>
          <a:xfrm flipH="1">
            <a:off x="9996307" y="1583202"/>
            <a:ext cx="578524" cy="779927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kstfelt 22">
            <a:extLst>
              <a:ext uri="{FF2B5EF4-FFF2-40B4-BE49-F238E27FC236}">
                <a16:creationId xmlns:a16="http://schemas.microsoft.com/office/drawing/2014/main" id="{CAEBFFC0-AF23-495D-81EE-440D2C6E916A}"/>
              </a:ext>
            </a:extLst>
          </p:cNvPr>
          <p:cNvSpPr txBox="1"/>
          <p:nvPr/>
        </p:nvSpPr>
        <p:spPr>
          <a:xfrm>
            <a:off x="9996307" y="1258568"/>
            <a:ext cx="1559293" cy="27699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da-DK" sz="1800" dirty="0"/>
              <a:t>Her er vi i dag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3BF1AA5F-6393-4FD5-8848-76B44B1F44A8}"/>
              </a:ext>
            </a:extLst>
          </p:cNvPr>
          <p:cNvSpPr/>
          <p:nvPr/>
        </p:nvSpPr>
        <p:spPr>
          <a:xfrm>
            <a:off x="3904991" y="4530076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BDB6FCCC-3A9D-40ED-84DA-6743DCBCB2C4}"/>
              </a:ext>
            </a:extLst>
          </p:cNvPr>
          <p:cNvSpPr/>
          <p:nvPr/>
        </p:nvSpPr>
        <p:spPr>
          <a:xfrm>
            <a:off x="4095002" y="517869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0D96F151-C91D-4C31-B1E2-1C140FEEBDBD}"/>
              </a:ext>
            </a:extLst>
          </p:cNvPr>
          <p:cNvSpPr/>
          <p:nvPr/>
        </p:nvSpPr>
        <p:spPr>
          <a:xfrm>
            <a:off x="4601409" y="5764040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C427EDFB-EAA0-4869-8209-834AB43A01E4}"/>
              </a:ext>
            </a:extLst>
          </p:cNvPr>
          <p:cNvSpPr/>
          <p:nvPr/>
        </p:nvSpPr>
        <p:spPr>
          <a:xfrm>
            <a:off x="5400293" y="5819411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9C4860B5-22AA-408C-A2F7-D7F5151C7408}"/>
              </a:ext>
            </a:extLst>
          </p:cNvPr>
          <p:cNvSpPr/>
          <p:nvPr/>
        </p:nvSpPr>
        <p:spPr>
          <a:xfrm>
            <a:off x="7187888" y="4095022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E0CDA5A-6FAD-4B97-8B4A-EC6C573A1B73}"/>
              </a:ext>
            </a:extLst>
          </p:cNvPr>
          <p:cNvSpPr/>
          <p:nvPr/>
        </p:nvSpPr>
        <p:spPr>
          <a:xfrm>
            <a:off x="7251490" y="331192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29F536F-100C-410E-8AB9-4F700B83A2F8}"/>
              </a:ext>
            </a:extLst>
          </p:cNvPr>
          <p:cNvSpPr/>
          <p:nvPr/>
        </p:nvSpPr>
        <p:spPr>
          <a:xfrm>
            <a:off x="7338822" y="2592114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pic>
        <p:nvPicPr>
          <p:cNvPr id="32" name="Picture 31">
            <a:extLst>
              <a:ext uri="{FF2B5EF4-FFF2-40B4-BE49-F238E27FC236}">
                <a16:creationId xmlns:a16="http://schemas.microsoft.com/office/drawing/2014/main" id="{2899838C-CC3F-4DF9-B771-E8FB25470AE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87521" y="924423"/>
            <a:ext cx="8629797" cy="48542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362098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kstfelt 5">
            <a:extLst>
              <a:ext uri="{FF2B5EF4-FFF2-40B4-BE49-F238E27FC236}">
                <a16:creationId xmlns:a16="http://schemas.microsoft.com/office/drawing/2014/main" id="{5B6F4218-32A9-4ED5-9A4E-DC243A44E6C6}"/>
              </a:ext>
            </a:extLst>
          </p:cNvPr>
          <p:cNvSpPr txBox="1"/>
          <p:nvPr/>
        </p:nvSpPr>
        <p:spPr>
          <a:xfrm>
            <a:off x="633225" y="981569"/>
            <a:ext cx="7229476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3600" b="1" dirty="0"/>
              <a:t>Netværket</a:t>
            </a:r>
          </a:p>
        </p:txBody>
      </p:sp>
      <p:sp>
        <p:nvSpPr>
          <p:cNvPr id="7" name="Kombinationstegning: figur 6">
            <a:extLst>
              <a:ext uri="{FF2B5EF4-FFF2-40B4-BE49-F238E27FC236}">
                <a16:creationId xmlns:a16="http://schemas.microsoft.com/office/drawing/2014/main" id="{91E19768-ED54-44C5-86B1-0D8C2D82B6D5}"/>
              </a:ext>
            </a:extLst>
          </p:cNvPr>
          <p:cNvSpPr/>
          <p:nvPr/>
        </p:nvSpPr>
        <p:spPr>
          <a:xfrm>
            <a:off x="0" y="1776169"/>
            <a:ext cx="12192000" cy="4217195"/>
          </a:xfrm>
          <a:custGeom>
            <a:avLst/>
            <a:gdLst>
              <a:gd name="connsiteX0" fmla="*/ 0 w 12192000"/>
              <a:gd name="connsiteY0" fmla="*/ 1132131 h 4217195"/>
              <a:gd name="connsiteX1" fmla="*/ 3136900 w 12192000"/>
              <a:gd name="connsiteY1" fmla="*/ 624131 h 4217195"/>
              <a:gd name="connsiteX2" fmla="*/ 4584700 w 12192000"/>
              <a:gd name="connsiteY2" fmla="*/ 4027731 h 4217195"/>
              <a:gd name="connsiteX3" fmla="*/ 7061200 w 12192000"/>
              <a:gd name="connsiteY3" fmla="*/ 3380031 h 4217195"/>
              <a:gd name="connsiteX4" fmla="*/ 8001000 w 12192000"/>
              <a:gd name="connsiteY4" fmla="*/ 14531 h 4217195"/>
              <a:gd name="connsiteX5" fmla="*/ 12192000 w 12192000"/>
              <a:gd name="connsiteY5" fmla="*/ 2389431 h 42171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4217195">
                <a:moveTo>
                  <a:pt x="0" y="1132131"/>
                </a:moveTo>
                <a:cubicBezTo>
                  <a:pt x="1186391" y="636831"/>
                  <a:pt x="2372783" y="141531"/>
                  <a:pt x="3136900" y="624131"/>
                </a:cubicBezTo>
                <a:cubicBezTo>
                  <a:pt x="3901017" y="1106731"/>
                  <a:pt x="3930650" y="3568414"/>
                  <a:pt x="4584700" y="4027731"/>
                </a:cubicBezTo>
                <a:cubicBezTo>
                  <a:pt x="5238750" y="4487048"/>
                  <a:pt x="6491817" y="4048898"/>
                  <a:pt x="7061200" y="3380031"/>
                </a:cubicBezTo>
                <a:cubicBezTo>
                  <a:pt x="7630583" y="2711164"/>
                  <a:pt x="7145867" y="179631"/>
                  <a:pt x="8001000" y="14531"/>
                </a:cubicBezTo>
                <a:cubicBezTo>
                  <a:pt x="8856133" y="-150569"/>
                  <a:pt x="10524066" y="1119431"/>
                  <a:pt x="12192000" y="2389431"/>
                </a:cubicBezTo>
              </a:path>
            </a:pathLst>
          </a:cu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grpSp>
        <p:nvGrpSpPr>
          <p:cNvPr id="8" name="Gruppe 7">
            <a:extLst>
              <a:ext uri="{FF2B5EF4-FFF2-40B4-BE49-F238E27FC236}">
                <a16:creationId xmlns:a16="http://schemas.microsoft.com/office/drawing/2014/main" id="{704673CE-B796-4D64-84B0-3440FDB2FE4F}"/>
              </a:ext>
            </a:extLst>
          </p:cNvPr>
          <p:cNvGrpSpPr/>
          <p:nvPr/>
        </p:nvGrpSpPr>
        <p:grpSpPr>
          <a:xfrm>
            <a:off x="252230" y="2091248"/>
            <a:ext cx="1706130" cy="1026204"/>
            <a:chOff x="7227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9" name="Rektangel 8">
              <a:extLst>
                <a:ext uri="{FF2B5EF4-FFF2-40B4-BE49-F238E27FC236}">
                  <a16:creationId xmlns:a16="http://schemas.microsoft.com/office/drawing/2014/main" id="{EA4E38BE-D6DE-43C1-859C-CF0E9ED62E09}"/>
                </a:ext>
              </a:extLst>
            </p:cNvPr>
            <p:cNvSpPr/>
            <p:nvPr/>
          </p:nvSpPr>
          <p:spPr>
            <a:xfrm>
              <a:off x="7227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0" name="Tekstfelt 9">
              <a:extLst>
                <a:ext uri="{FF2B5EF4-FFF2-40B4-BE49-F238E27FC236}">
                  <a16:creationId xmlns:a16="http://schemas.microsoft.com/office/drawing/2014/main" id="{F5A7C205-E991-4F65-A192-B4B705902DA7}"/>
                </a:ext>
              </a:extLst>
            </p:cNvPr>
            <p:cNvSpPr txBox="1"/>
            <p:nvPr/>
          </p:nvSpPr>
          <p:spPr>
            <a:xfrm>
              <a:off x="739597" y="3278833"/>
              <a:ext cx="1669257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1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Kortlægning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5.2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1" name="Gruppe 10">
            <a:extLst>
              <a:ext uri="{FF2B5EF4-FFF2-40B4-BE49-F238E27FC236}">
                <a16:creationId xmlns:a16="http://schemas.microsoft.com/office/drawing/2014/main" id="{E6C3DDE0-927E-4506-B0D9-C2A17D0C2363}"/>
              </a:ext>
            </a:extLst>
          </p:cNvPr>
          <p:cNvGrpSpPr/>
          <p:nvPr/>
        </p:nvGrpSpPr>
        <p:grpSpPr>
          <a:xfrm>
            <a:off x="2999221" y="3351554"/>
            <a:ext cx="1706130" cy="1026204"/>
            <a:chOff x="299922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2" name="Rektangel 11">
              <a:extLst>
                <a:ext uri="{FF2B5EF4-FFF2-40B4-BE49-F238E27FC236}">
                  <a16:creationId xmlns:a16="http://schemas.microsoft.com/office/drawing/2014/main" id="{C63F4098-6BFB-4F29-B46C-DCD44632F93B}"/>
                </a:ext>
              </a:extLst>
            </p:cNvPr>
            <p:cNvSpPr/>
            <p:nvPr/>
          </p:nvSpPr>
          <p:spPr>
            <a:xfrm>
              <a:off x="299922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3" name="Tekstfelt 12">
              <a:extLst>
                <a:ext uri="{FF2B5EF4-FFF2-40B4-BE49-F238E27FC236}">
                  <a16:creationId xmlns:a16="http://schemas.microsoft.com/office/drawing/2014/main" id="{952C401D-7859-4350-82D8-D70D22E2D937}"/>
                </a:ext>
              </a:extLst>
            </p:cNvPr>
            <p:cNvSpPr txBox="1"/>
            <p:nvPr/>
          </p:nvSpPr>
          <p:spPr>
            <a:xfrm>
              <a:off x="3025991" y="3289539"/>
              <a:ext cx="1652589" cy="847155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2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Fokus</a:t>
              </a:r>
            </a:p>
            <a:p>
              <a:pPr algn="ctr"/>
              <a:r>
                <a:rPr lang="da-DK" dirty="0">
                  <a:solidFill>
                    <a:schemeClr val="bg1"/>
                  </a:solidFill>
                </a:rPr>
                <a:t>29.4.2020</a:t>
              </a:r>
              <a:endParaRPr lang="da-DK" sz="1800" dirty="0">
                <a:solidFill>
                  <a:schemeClr val="bg1"/>
                </a:solidFill>
              </a:endParaRPr>
            </a:p>
          </p:txBody>
        </p:sp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4A47BBE2-6584-4BA6-B43C-DDF48B651535}"/>
              </a:ext>
            </a:extLst>
          </p:cNvPr>
          <p:cNvGrpSpPr/>
          <p:nvPr/>
        </p:nvGrpSpPr>
        <p:grpSpPr>
          <a:xfrm>
            <a:off x="5968155" y="4602134"/>
            <a:ext cx="1706130" cy="1026204"/>
            <a:chOff x="527569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5" name="Rektangel 14">
              <a:extLst>
                <a:ext uri="{FF2B5EF4-FFF2-40B4-BE49-F238E27FC236}">
                  <a16:creationId xmlns:a16="http://schemas.microsoft.com/office/drawing/2014/main" id="{4AE8FC75-6658-4117-8799-57F86240E907}"/>
                </a:ext>
              </a:extLst>
            </p:cNvPr>
            <p:cNvSpPr/>
            <p:nvPr/>
          </p:nvSpPr>
          <p:spPr>
            <a:xfrm>
              <a:off x="527569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6" name="Tekstfelt 15">
              <a:extLst>
                <a:ext uri="{FF2B5EF4-FFF2-40B4-BE49-F238E27FC236}">
                  <a16:creationId xmlns:a16="http://schemas.microsoft.com/office/drawing/2014/main" id="{D1961386-A9DE-4D84-BA3D-B1E0A454E624}"/>
                </a:ext>
              </a:extLst>
            </p:cNvPr>
            <p:cNvSpPr txBox="1"/>
            <p:nvPr/>
          </p:nvSpPr>
          <p:spPr>
            <a:xfrm>
              <a:off x="5294004" y="3292685"/>
              <a:ext cx="1666876" cy="830997"/>
            </a:xfrm>
            <a:prstGeom prst="rect">
              <a:avLst/>
            </a:prstGeom>
            <a:grp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da-DK" sz="1800" b="1" dirty="0">
                  <a:solidFill>
                    <a:schemeClr val="bg1"/>
                  </a:solidFill>
                </a:rPr>
                <a:t>Workshop 3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Ny </a:t>
              </a:r>
              <a:r>
                <a:rPr lang="da-DK" sz="1800" dirty="0" err="1">
                  <a:solidFill>
                    <a:schemeClr val="bg1"/>
                  </a:solidFill>
                </a:rPr>
                <a:t>testproced</a:t>
              </a:r>
              <a:r>
                <a:rPr lang="da-DK" sz="1800" dirty="0">
                  <a:solidFill>
                    <a:schemeClr val="bg1"/>
                  </a:solidFill>
                </a:rPr>
                <a:t>.</a:t>
              </a:r>
            </a:p>
            <a:p>
              <a:pPr algn="ctr"/>
              <a:r>
                <a:rPr lang="da-DK" sz="1800" dirty="0">
                  <a:solidFill>
                    <a:schemeClr val="bg1"/>
                  </a:solidFill>
                </a:rPr>
                <a:t>18.9.2020</a:t>
              </a:r>
            </a:p>
          </p:txBody>
        </p:sp>
      </p:grpSp>
      <p:grpSp>
        <p:nvGrpSpPr>
          <p:cNvPr id="17" name="Gruppe 16">
            <a:extLst>
              <a:ext uri="{FF2B5EF4-FFF2-40B4-BE49-F238E27FC236}">
                <a16:creationId xmlns:a16="http://schemas.microsoft.com/office/drawing/2014/main" id="{AD40C94E-6D88-42EA-BC7E-1A2F2077D752}"/>
              </a:ext>
            </a:extLst>
          </p:cNvPr>
          <p:cNvGrpSpPr/>
          <p:nvPr/>
        </p:nvGrpSpPr>
        <p:grpSpPr>
          <a:xfrm>
            <a:off x="7404167" y="847249"/>
            <a:ext cx="1948617" cy="1182887"/>
            <a:chOff x="7552171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18" name="Rektangel 17">
              <a:extLst>
                <a:ext uri="{FF2B5EF4-FFF2-40B4-BE49-F238E27FC236}">
                  <a16:creationId xmlns:a16="http://schemas.microsoft.com/office/drawing/2014/main" id="{A07BEF8E-D52B-4485-B271-DC2F7590B22A}"/>
                </a:ext>
              </a:extLst>
            </p:cNvPr>
            <p:cNvSpPr/>
            <p:nvPr/>
          </p:nvSpPr>
          <p:spPr>
            <a:xfrm>
              <a:off x="7552171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19" name="Tekstfelt 18">
              <a:extLst>
                <a:ext uri="{FF2B5EF4-FFF2-40B4-BE49-F238E27FC236}">
                  <a16:creationId xmlns:a16="http://schemas.microsoft.com/office/drawing/2014/main" id="{398F8D06-9A09-49D2-91BA-3D4E28D79425}"/>
                </a:ext>
              </a:extLst>
            </p:cNvPr>
            <p:cNvSpPr txBox="1"/>
            <p:nvPr/>
          </p:nvSpPr>
          <p:spPr>
            <a:xfrm>
              <a:off x="7594708" y="3266218"/>
              <a:ext cx="1624012" cy="787387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4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Revidering af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Vejledning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15.4.2021</a:t>
              </a:r>
            </a:p>
          </p:txBody>
        </p:sp>
      </p:grpSp>
      <p:grpSp>
        <p:nvGrpSpPr>
          <p:cNvPr id="20" name="Gruppe 19">
            <a:extLst>
              <a:ext uri="{FF2B5EF4-FFF2-40B4-BE49-F238E27FC236}">
                <a16:creationId xmlns:a16="http://schemas.microsoft.com/office/drawing/2014/main" id="{155E5273-8F67-444F-812C-D1AC27B1F07B}"/>
              </a:ext>
            </a:extLst>
          </p:cNvPr>
          <p:cNvGrpSpPr/>
          <p:nvPr/>
        </p:nvGrpSpPr>
        <p:grpSpPr>
          <a:xfrm>
            <a:off x="10130487" y="2768622"/>
            <a:ext cx="1706130" cy="1026204"/>
            <a:chOff x="9828646" y="3171826"/>
            <a:chExt cx="1706130" cy="1026204"/>
          </a:xfrm>
          <a:solidFill>
            <a:schemeClr val="bg1">
              <a:lumMod val="85000"/>
            </a:schemeClr>
          </a:solidFill>
        </p:grpSpPr>
        <p:sp>
          <p:nvSpPr>
            <p:cNvPr id="21" name="Rektangel 20">
              <a:extLst>
                <a:ext uri="{FF2B5EF4-FFF2-40B4-BE49-F238E27FC236}">
                  <a16:creationId xmlns:a16="http://schemas.microsoft.com/office/drawing/2014/main" id="{297BD6AD-6A27-447C-AEC7-9F3A42AC75D5}"/>
                </a:ext>
              </a:extLst>
            </p:cNvPr>
            <p:cNvSpPr/>
            <p:nvPr/>
          </p:nvSpPr>
          <p:spPr>
            <a:xfrm>
              <a:off x="9828646" y="3171826"/>
              <a:ext cx="1706130" cy="1026204"/>
            </a:xfrm>
            <a:prstGeom prst="rect">
              <a:avLst/>
            </a:prstGeom>
            <a:grpFill/>
            <a:ln w="38100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 err="1"/>
            </a:p>
          </p:txBody>
        </p:sp>
        <p:sp>
          <p:nvSpPr>
            <p:cNvPr id="22" name="Tekstfelt 21">
              <a:extLst>
                <a:ext uri="{FF2B5EF4-FFF2-40B4-BE49-F238E27FC236}">
                  <a16:creationId xmlns:a16="http://schemas.microsoft.com/office/drawing/2014/main" id="{11C161B1-591D-4DB0-8F62-25D9AA3EB4EE}"/>
                </a:ext>
              </a:extLst>
            </p:cNvPr>
            <p:cNvSpPr txBox="1"/>
            <p:nvPr/>
          </p:nvSpPr>
          <p:spPr>
            <a:xfrm>
              <a:off x="9854984" y="3281724"/>
              <a:ext cx="1657350" cy="738664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spAutoFit/>
            </a:bodyPr>
            <a:lstStyle/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Workshop 5</a:t>
              </a:r>
            </a:p>
            <a:p>
              <a:pPr algn="ctr"/>
              <a:r>
                <a:rPr lang="da-DK" sz="1600" b="1" dirty="0">
                  <a:solidFill>
                    <a:schemeClr val="bg1"/>
                  </a:solidFill>
                </a:rPr>
                <a:t>Forankring </a:t>
              </a:r>
            </a:p>
            <a:p>
              <a:pPr algn="ctr"/>
              <a:r>
                <a:rPr lang="da-DK" sz="1600" dirty="0">
                  <a:solidFill>
                    <a:schemeClr val="bg1"/>
                  </a:solidFill>
                </a:rPr>
                <a:t>8.10.2021</a:t>
              </a:r>
            </a:p>
          </p:txBody>
        </p:sp>
      </p:grpSp>
      <p:cxnSp>
        <p:nvCxnSpPr>
          <p:cNvPr id="4" name="Lige pilforbindelse 3">
            <a:extLst>
              <a:ext uri="{FF2B5EF4-FFF2-40B4-BE49-F238E27FC236}">
                <a16:creationId xmlns:a16="http://schemas.microsoft.com/office/drawing/2014/main" id="{E68BED3F-189B-409F-B875-3EAFA0C7B11D}"/>
              </a:ext>
            </a:extLst>
          </p:cNvPr>
          <p:cNvCxnSpPr>
            <a:cxnSpLocks/>
          </p:cNvCxnSpPr>
          <p:nvPr/>
        </p:nvCxnSpPr>
        <p:spPr>
          <a:xfrm flipH="1">
            <a:off x="9996307" y="1583202"/>
            <a:ext cx="578524" cy="779927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kstfelt 22">
            <a:extLst>
              <a:ext uri="{FF2B5EF4-FFF2-40B4-BE49-F238E27FC236}">
                <a16:creationId xmlns:a16="http://schemas.microsoft.com/office/drawing/2014/main" id="{CAEBFFC0-AF23-495D-81EE-440D2C6E916A}"/>
              </a:ext>
            </a:extLst>
          </p:cNvPr>
          <p:cNvSpPr txBox="1"/>
          <p:nvPr/>
        </p:nvSpPr>
        <p:spPr>
          <a:xfrm>
            <a:off x="9996307" y="1258568"/>
            <a:ext cx="1559293" cy="27699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da-DK" sz="1800" dirty="0"/>
              <a:t>Her er vi i dag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3BF1AA5F-6393-4FD5-8848-76B44B1F44A8}"/>
              </a:ext>
            </a:extLst>
          </p:cNvPr>
          <p:cNvSpPr/>
          <p:nvPr/>
        </p:nvSpPr>
        <p:spPr>
          <a:xfrm>
            <a:off x="3904991" y="4530076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BDB6FCCC-3A9D-40ED-84DA-6743DCBCB2C4}"/>
              </a:ext>
            </a:extLst>
          </p:cNvPr>
          <p:cNvSpPr/>
          <p:nvPr/>
        </p:nvSpPr>
        <p:spPr>
          <a:xfrm>
            <a:off x="4095002" y="517869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0D96F151-C91D-4C31-B1E2-1C140FEEBDBD}"/>
              </a:ext>
            </a:extLst>
          </p:cNvPr>
          <p:cNvSpPr/>
          <p:nvPr/>
        </p:nvSpPr>
        <p:spPr>
          <a:xfrm>
            <a:off x="4601409" y="5764040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C427EDFB-EAA0-4869-8209-834AB43A01E4}"/>
              </a:ext>
            </a:extLst>
          </p:cNvPr>
          <p:cNvSpPr/>
          <p:nvPr/>
        </p:nvSpPr>
        <p:spPr>
          <a:xfrm>
            <a:off x="5400293" y="5819411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9C4860B5-22AA-408C-A2F7-D7F5151C7408}"/>
              </a:ext>
            </a:extLst>
          </p:cNvPr>
          <p:cNvSpPr/>
          <p:nvPr/>
        </p:nvSpPr>
        <p:spPr>
          <a:xfrm>
            <a:off x="7187888" y="4095022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EE0CDA5A-6FAD-4B97-8B4A-EC6C573A1B73}"/>
              </a:ext>
            </a:extLst>
          </p:cNvPr>
          <p:cNvSpPr/>
          <p:nvPr/>
        </p:nvSpPr>
        <p:spPr>
          <a:xfrm>
            <a:off x="7251490" y="3311928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629F536F-100C-410E-8AB9-4F700B83A2F8}"/>
              </a:ext>
            </a:extLst>
          </p:cNvPr>
          <p:cNvSpPr/>
          <p:nvPr/>
        </p:nvSpPr>
        <p:spPr>
          <a:xfrm>
            <a:off x="7338822" y="2592114"/>
            <a:ext cx="305355" cy="305328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 err="1"/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A4089E4E-8FD6-44BE-9220-03F071471241}"/>
              </a:ext>
            </a:extLst>
          </p:cNvPr>
          <p:cNvSpPr/>
          <p:nvPr/>
        </p:nvSpPr>
        <p:spPr>
          <a:xfrm>
            <a:off x="5939800" y="2387241"/>
            <a:ext cx="6252200" cy="4470759"/>
          </a:xfrm>
          <a:prstGeom prst="rect">
            <a:avLst/>
          </a:prstGeom>
          <a:solidFill>
            <a:schemeClr val="bg2">
              <a:lumMod val="75000"/>
              <a:alpha val="77000"/>
            </a:schemeClr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 err="1"/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68E50E86-1FA0-4D62-A547-6D0B4F19A901}"/>
              </a:ext>
            </a:extLst>
          </p:cNvPr>
          <p:cNvSpPr/>
          <p:nvPr/>
        </p:nvSpPr>
        <p:spPr>
          <a:xfrm>
            <a:off x="0" y="1"/>
            <a:ext cx="5922949" cy="6857999"/>
          </a:xfrm>
          <a:prstGeom prst="rect">
            <a:avLst/>
          </a:prstGeom>
          <a:solidFill>
            <a:schemeClr val="bg2">
              <a:lumMod val="75000"/>
              <a:alpha val="77000"/>
            </a:schemeClr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175094279"/>
      </p:ext>
    </p:extLst>
  </p:cSld>
  <p:clrMapOvr>
    <a:masterClrMapping/>
  </p:clrMapOvr>
</p:sld>
</file>

<file path=ppt/theme/theme1.xml><?xml version="1.0" encoding="utf-8"?>
<a:theme xmlns:a="http://schemas.openxmlformats.org/drawingml/2006/main" name="Teknologisk Institut">
  <a:themeElements>
    <a:clrScheme name="Teknologisk Institut">
      <a:dk1>
        <a:srgbClr val="000000"/>
      </a:dk1>
      <a:lt1>
        <a:srgbClr val="FFFFFF"/>
      </a:lt1>
      <a:dk2>
        <a:srgbClr val="434443"/>
      </a:dk2>
      <a:lt2>
        <a:srgbClr val="A9AAA9"/>
      </a:lt2>
      <a:accent1>
        <a:srgbClr val="2552A3"/>
      </a:accent1>
      <a:accent2>
        <a:srgbClr val="F11935"/>
      </a:accent2>
      <a:accent3>
        <a:srgbClr val="67C8BB"/>
      </a:accent3>
      <a:accent4>
        <a:srgbClr val="1C283A"/>
      </a:accent4>
      <a:accent5>
        <a:srgbClr val="FFF300"/>
      </a:accent5>
      <a:accent6>
        <a:srgbClr val="005E49"/>
      </a:accent6>
      <a:hlink>
        <a:srgbClr val="2552A3"/>
      </a:hlink>
      <a:folHlink>
        <a:srgbClr val="2552A3"/>
      </a:folHlink>
    </a:clrScheme>
    <a:fontScheme name="Teknologisk Institut">
      <a:majorFont>
        <a:latin typeface="Open Sans Light"/>
        <a:ea typeface=""/>
        <a:cs typeface=""/>
      </a:majorFont>
      <a:minorFont>
        <a:latin typeface="Open Sans Light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Teknologisk Institut.pptx" id="{BBC66E34-8E8E-4EEA-B635-F9E9835ECAEE}" vid="{C1B7AB83-F459-4D43-9A71-C163DE5BC50C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9E0894B6580154B95F0277505E8F2C2" ma:contentTypeVersion="10" ma:contentTypeDescription="Create a new document." ma:contentTypeScope="" ma:versionID="0c1bcec6ea836aaa1bb8e346c9586416">
  <xsd:schema xmlns:xsd="http://www.w3.org/2001/XMLSchema" xmlns:xs="http://www.w3.org/2001/XMLSchema" xmlns:p="http://schemas.microsoft.com/office/2006/metadata/properties" xmlns:ns2="d6229ec6-11b8-493e-88f1-7f404c47ea0b" targetNamespace="http://schemas.microsoft.com/office/2006/metadata/properties" ma:root="true" ma:fieldsID="e6f3ff532be4b9e9d9270a47fd8b3d98" ns2:_="">
    <xsd:import namespace="d6229ec6-11b8-493e-88f1-7f404c47ea0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6229ec6-11b8-493e-88f1-7f404c47ea0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4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5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6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TemplateConfiguration><![CDATA[{"elementsMetadata":[],"transformationConfigurations":[],"templateName":"Innovation DK","templateDescription":"","enableDocumentContentUpdater":true,"version":"1.5"}]]></Templafy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235703982107338","enableDocumentContentUpdater":true,"version":"1.5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235703982107338","enableDocumentContentUpdater":true,"version":"1.5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7235703982107338","enableDocumentContentUpdater":true,"version":"1.5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235703982107338","enableDocumentContentUpdater":true,"version":"1.5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235703982107338","enableDocumentContentUpdater":true,"version":"1.5"}]]></TemplafySlideTemplate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7235703982107338","enableDocumentContentUpdater":true,"version":"1.5"}]]></TemplafySlide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7235704917292686","enableDocumentContentUpdater":true,"version":"1.5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235703982107338","enableDocumentContentUpdater":true,"version":"1.5"}]]></TemplafySlideTemplate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7235703982107338","enableDocumentContentUpdater":true,"version":"1.5"}]]></TemplafySlideTemplateConfiguration>
</file>

<file path=customXml/item9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DBE11C35-CCFE-4285-8E5D-705761624389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6229ec6-11b8-493e-88f1-7f404c47ea0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BB7FFA39-1DA8-45B1-BD18-4E39C731690A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3CC7D616-E1EC-4A39-9B8F-842F8ABD1B2E}">
  <ds:schemaRefs/>
</ds:datastoreItem>
</file>

<file path=customXml/itemProps12.xml><?xml version="1.0" encoding="utf-8"?>
<ds:datastoreItem xmlns:ds="http://schemas.openxmlformats.org/officeDocument/2006/customXml" ds:itemID="{27193A0D-301D-49B7-BACC-0B5AB0E697FC}">
  <ds:schemaRefs/>
</ds:datastoreItem>
</file>

<file path=customXml/itemProps13.xml><?xml version="1.0" encoding="utf-8"?>
<ds:datastoreItem xmlns:ds="http://schemas.openxmlformats.org/officeDocument/2006/customXml" ds:itemID="{4A4849F9-E4A5-489F-A342-35AFD0EC7ADC}">
  <ds:schemaRefs/>
</ds:datastoreItem>
</file>

<file path=customXml/itemProps14.xml><?xml version="1.0" encoding="utf-8"?>
<ds:datastoreItem xmlns:ds="http://schemas.openxmlformats.org/officeDocument/2006/customXml" ds:itemID="{7CF99553-60E6-48ED-AC33-1AADD76B6282}">
  <ds:schemaRefs/>
</ds:datastoreItem>
</file>

<file path=customXml/itemProps15.xml><?xml version="1.0" encoding="utf-8"?>
<ds:datastoreItem xmlns:ds="http://schemas.openxmlformats.org/officeDocument/2006/customXml" ds:itemID="{95A5F9C9-869A-4865-9C35-720ABD7C2A05}">
  <ds:schemaRefs/>
</ds:datastoreItem>
</file>

<file path=customXml/itemProps16.xml><?xml version="1.0" encoding="utf-8"?>
<ds:datastoreItem xmlns:ds="http://schemas.openxmlformats.org/officeDocument/2006/customXml" ds:itemID="{39F92E13-0F81-40A0-919C-B99B307AD36E}">
  <ds:schemaRefs/>
</ds:datastoreItem>
</file>

<file path=customXml/itemProps17.xml><?xml version="1.0" encoding="utf-8"?>
<ds:datastoreItem xmlns:ds="http://schemas.openxmlformats.org/officeDocument/2006/customXml" ds:itemID="{EDBD5349-D9C2-4F97-9D3B-510137E23FCB}">
  <ds:schemaRefs/>
</ds:datastoreItem>
</file>

<file path=customXml/itemProps18.xml><?xml version="1.0" encoding="utf-8"?>
<ds:datastoreItem xmlns:ds="http://schemas.openxmlformats.org/officeDocument/2006/customXml" ds:itemID="{0AC3E61E-C54E-4432-8246-012C6D8999A0}">
  <ds:schemaRefs/>
</ds:datastoreItem>
</file>

<file path=customXml/itemProps19.xml><?xml version="1.0" encoding="utf-8"?>
<ds:datastoreItem xmlns:ds="http://schemas.openxmlformats.org/officeDocument/2006/customXml" ds:itemID="{2CEF5426-7516-4322-9AD4-922AE89B14E5}">
  <ds:schemaRefs/>
</ds:datastoreItem>
</file>

<file path=customXml/itemProps2.xml><?xml version="1.0" encoding="utf-8"?>
<ds:datastoreItem xmlns:ds="http://schemas.openxmlformats.org/officeDocument/2006/customXml" ds:itemID="{97F72EAF-9966-4E48-9983-F2B7AD5498DF}">
  <ds:schemaRefs/>
</ds:datastoreItem>
</file>

<file path=customXml/itemProps20.xml><?xml version="1.0" encoding="utf-8"?>
<ds:datastoreItem xmlns:ds="http://schemas.openxmlformats.org/officeDocument/2006/customXml" ds:itemID="{4AF8E378-6EA7-426C-A12C-2AEC8F4787BB}">
  <ds:schemaRefs/>
</ds:datastoreItem>
</file>

<file path=customXml/itemProps21.xml><?xml version="1.0" encoding="utf-8"?>
<ds:datastoreItem xmlns:ds="http://schemas.openxmlformats.org/officeDocument/2006/customXml" ds:itemID="{005F1869-187B-4895-B776-346561104A8A}">
  <ds:schemaRefs/>
</ds:datastoreItem>
</file>

<file path=customXml/itemProps22.xml><?xml version="1.0" encoding="utf-8"?>
<ds:datastoreItem xmlns:ds="http://schemas.openxmlformats.org/officeDocument/2006/customXml" ds:itemID="{AE9524BE-ABB7-4EBC-BFDB-FA1A1618A546}">
  <ds:schemaRefs/>
</ds:datastoreItem>
</file>

<file path=customXml/itemProps23.xml><?xml version="1.0" encoding="utf-8"?>
<ds:datastoreItem xmlns:ds="http://schemas.openxmlformats.org/officeDocument/2006/customXml" ds:itemID="{44382FD0-7125-42AB-BCEE-7FCE48998628}">
  <ds:schemaRefs/>
</ds:datastoreItem>
</file>

<file path=customXml/itemProps3.xml><?xml version="1.0" encoding="utf-8"?>
<ds:datastoreItem xmlns:ds="http://schemas.openxmlformats.org/officeDocument/2006/customXml" ds:itemID="{137C6A04-A8DC-47E8-A200-988F0C6A2891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C2F82ACF-AB39-47DD-934F-B7C333CA6ACF}">
  <ds:schemaRefs/>
</ds:datastoreItem>
</file>

<file path=customXml/itemProps5.xml><?xml version="1.0" encoding="utf-8"?>
<ds:datastoreItem xmlns:ds="http://schemas.openxmlformats.org/officeDocument/2006/customXml" ds:itemID="{8AE84F9C-CE1A-4832-B6AF-850D913244FF}">
  <ds:schemaRefs/>
</ds:datastoreItem>
</file>

<file path=customXml/itemProps6.xml><?xml version="1.0" encoding="utf-8"?>
<ds:datastoreItem xmlns:ds="http://schemas.openxmlformats.org/officeDocument/2006/customXml" ds:itemID="{A4BAC2B4-EEA9-4403-BD45-2D666802D3E0}">
  <ds:schemaRefs/>
</ds:datastoreItem>
</file>

<file path=customXml/itemProps7.xml><?xml version="1.0" encoding="utf-8"?>
<ds:datastoreItem xmlns:ds="http://schemas.openxmlformats.org/officeDocument/2006/customXml" ds:itemID="{923A7FEE-3C69-491F-8B3A-3E71B19CDA01}">
  <ds:schemaRefs/>
</ds:datastoreItem>
</file>

<file path=customXml/itemProps8.xml><?xml version="1.0" encoding="utf-8"?>
<ds:datastoreItem xmlns:ds="http://schemas.openxmlformats.org/officeDocument/2006/customXml" ds:itemID="{40054455-F0C6-49F8-9A5C-85A1618AA887}">
  <ds:schemaRefs/>
</ds:datastoreItem>
</file>

<file path=customXml/itemProps9.xml><?xml version="1.0" encoding="utf-8"?>
<ds:datastoreItem xmlns:ds="http://schemas.openxmlformats.org/officeDocument/2006/customXml" ds:itemID="{DB5DCA57-4B84-4833-8C84-1CFAE367817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950</Words>
  <Application>Microsoft Office PowerPoint</Application>
  <PresentationFormat>Custom</PresentationFormat>
  <Paragraphs>357</Paragraphs>
  <Slides>20</Slides>
  <Notes>9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0</vt:i4>
      </vt:variant>
    </vt:vector>
  </HeadingPairs>
  <TitlesOfParts>
    <vt:vector size="27" baseType="lpstr">
      <vt:lpstr>Arial</vt:lpstr>
      <vt:lpstr>Calibri</vt:lpstr>
      <vt:lpstr>Open Sans</vt:lpstr>
      <vt:lpstr>Open Sans Light</vt:lpstr>
      <vt:lpstr>open sans regular</vt:lpstr>
      <vt:lpstr>Sylfaen</vt:lpstr>
      <vt:lpstr>Teknologisk Institut</vt:lpstr>
      <vt:lpstr>Projektnetværk Vandkvalitet der BAT’er</vt:lpstr>
      <vt:lpstr>Projektnetværk – Regnkvalitet der BAT’er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Dialogmøde</dc:title>
  <dc:subject/>
  <dc:creator/>
  <cp:keywords/>
  <dc:description/>
  <cp:lastModifiedBy/>
  <cp:revision>3</cp:revision>
  <dcterms:created xsi:type="dcterms:W3CDTF">2018-12-19T10:41:38Z</dcterms:created>
  <dcterms:modified xsi:type="dcterms:W3CDTF">2021-09-23T13:26:5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InfoFinished">
    <vt:lpwstr>True</vt:lpwstr>
  </property>
  <property fmtid="{D5CDD505-2E9C-101B-9397-08002B2CF9AE}" pid="3" name="TemplafyTimeStamp">
    <vt:lpwstr>2019-11-21T10:41:35.2385334</vt:lpwstr>
  </property>
  <property fmtid="{D5CDD505-2E9C-101B-9397-08002B2CF9AE}" pid="4" name="TemplafyTenantId">
    <vt:lpwstr>teknologisk</vt:lpwstr>
  </property>
  <property fmtid="{D5CDD505-2E9C-101B-9397-08002B2CF9AE}" pid="5" name="TemplafyTemplateId">
    <vt:lpwstr>637099303529735377</vt:lpwstr>
  </property>
  <property fmtid="{D5CDD505-2E9C-101B-9397-08002B2CF9AE}" pid="6" name="TemplafyUserProfileId">
    <vt:lpwstr>637479347531643728</vt:lpwstr>
  </property>
  <property fmtid="{D5CDD505-2E9C-101B-9397-08002B2CF9AE}" pid="7" name="ContentTypeId">
    <vt:lpwstr>0x010100B9E0894B6580154B95F0277505E8F2C2</vt:lpwstr>
  </property>
</Properties>
</file>